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725"/>
  <workbookPr filterPrivacy="1"/>
  <xr:revisionPtr revIDLastSave="410" documentId="8_{59B64AA4-B301-4774-8D15-51F0BC2A34BA}" xr6:coauthVersionLast="47" xr6:coauthVersionMax="47" xr10:uidLastSave="{0DFC8AB5-1D80-4C42-AFCA-F6649ACFBD3F}"/>
  <bookViews>
    <workbookView xWindow="948" yWindow="528" windowWidth="16056" windowHeight="13404" xr2:uid="{00000000-000D-0000-FFFF-FFFF00000000}"/>
  </bookViews>
  <sheets>
    <sheet name="All Power Industries" sheetId="1" r:id="rId1"/>
    <sheet name="Machine Tools" sheetId="2" r:id="rId2"/>
  </sheets>
  <definedNames>
    <definedName name="_xlnm._FilterDatabase" localSheetId="0" hidden="1">'All Power Industries'!$A$4:$F$181</definedName>
    <definedName name="_xlnm._FilterDatabase" localSheetId="1" hidden="1">'Machine Tools'!$A$4:$F$58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609" uniqueCount="305">
  <si>
    <t>NAICS Code</t>
  </si>
  <si>
    <t>Defense</t>
  </si>
  <si>
    <t>820750</t>
  </si>
  <si>
    <t>845430</t>
  </si>
  <si>
    <t>845490</t>
  </si>
  <si>
    <t>845620</t>
  </si>
  <si>
    <t>845630</t>
  </si>
  <si>
    <t>845640</t>
  </si>
  <si>
    <t>845690</t>
  </si>
  <si>
    <t>845710</t>
  </si>
  <si>
    <t>845720</t>
  </si>
  <si>
    <t>845811</t>
  </si>
  <si>
    <t>845819</t>
  </si>
  <si>
    <t>845891</t>
  </si>
  <si>
    <t>845899</t>
  </si>
  <si>
    <t>845910</t>
  </si>
  <si>
    <t>845921</t>
  </si>
  <si>
    <t>845929</t>
  </si>
  <si>
    <t>845931</t>
  </si>
  <si>
    <t>845939</t>
  </si>
  <si>
    <t>845941</t>
  </si>
  <si>
    <t>845949</t>
  </si>
  <si>
    <t>845951</t>
  </si>
  <si>
    <t>845959</t>
  </si>
  <si>
    <t>845961</t>
  </si>
  <si>
    <t>845969</t>
  </si>
  <si>
    <t>845970</t>
  </si>
  <si>
    <t>846012</t>
  </si>
  <si>
    <t>846019</t>
  </si>
  <si>
    <t>846022</t>
  </si>
  <si>
    <t>846023</t>
  </si>
  <si>
    <t>846024</t>
  </si>
  <si>
    <t>846029</t>
  </si>
  <si>
    <t>846031</t>
  </si>
  <si>
    <t>846039</t>
  </si>
  <si>
    <t>846040</t>
  </si>
  <si>
    <t>846090</t>
  </si>
  <si>
    <t>846120</t>
  </si>
  <si>
    <t>846130</t>
  </si>
  <si>
    <t>846140</t>
  </si>
  <si>
    <t>846150</t>
  </si>
  <si>
    <t>846190</t>
  </si>
  <si>
    <t>846210</t>
  </si>
  <si>
    <t>846221</t>
  </si>
  <si>
    <t>846229</t>
  </si>
  <si>
    <t>846231</t>
  </si>
  <si>
    <t>846239</t>
  </si>
  <si>
    <t>846241</t>
  </si>
  <si>
    <t>846249</t>
  </si>
  <si>
    <t>846291</t>
  </si>
  <si>
    <t>846299</t>
  </si>
  <si>
    <t>846320</t>
  </si>
  <si>
    <t>846390</t>
  </si>
  <si>
    <t>846595</t>
  </si>
  <si>
    <t>846693</t>
  </si>
  <si>
    <t>846694</t>
  </si>
  <si>
    <t>2022 RCA</t>
  </si>
  <si>
    <t>2022 RCD</t>
  </si>
  <si>
    <t>2007 RCA</t>
  </si>
  <si>
    <t>2007 RCD</t>
  </si>
  <si>
    <t>Enabling</t>
  </si>
  <si>
    <t>3-</t>
  </si>
  <si>
    <t>Dual-use</t>
  </si>
  <si>
    <t>3+</t>
  </si>
  <si>
    <t>National Power Industries for Which Complete Trade Data Are Available</t>
  </si>
  <si>
    <t xml:space="preserve">Power Category </t>
  </si>
  <si>
    <t>2023 RCD</t>
  </si>
  <si>
    <t>2023 RCA</t>
  </si>
  <si>
    <t>CI</t>
  </si>
  <si>
    <t>Clout Index scores of the U.S. machine tools industry, 2007-2022</t>
  </si>
  <si>
    <t>NAICS Description</t>
  </si>
  <si>
    <t>HTS code</t>
  </si>
  <si>
    <t>HTS Description</t>
  </si>
  <si>
    <t>Logging</t>
  </si>
  <si>
    <t>All Other Leather Good and Allied Product Manufacturing</t>
  </si>
  <si>
    <t>Paper Bag and Coated and Treated Paper Manufacturing</t>
  </si>
  <si>
    <t>Petroleum Refineries</t>
  </si>
  <si>
    <t>Asphalt Paving Mixture and Block Manufacturing</t>
  </si>
  <si>
    <t>Asphalt Shingle and Coating Materials Manufacturing</t>
  </si>
  <si>
    <t>All Other Petroleum and Coal Products Manufacturing</t>
  </si>
  <si>
    <t>Petrochemical Manufacturing</t>
  </si>
  <si>
    <t>Industrial Gas Manufacturing</t>
  </si>
  <si>
    <t>Synthetic Dye and Pigment Manufacturing</t>
  </si>
  <si>
    <t>Other Basic Inorganic Chemical Manufacturing</t>
  </si>
  <si>
    <t>Cyclic Crude, Intermediate, and Gum and Wood Chemical Manufacturing</t>
  </si>
  <si>
    <t>All Other Basic Organic Chemical Manufacturing</t>
  </si>
  <si>
    <t>Plastics Material and Resin Manufacturing</t>
  </si>
  <si>
    <t>Synthetic Rubber Manufacturing</t>
  </si>
  <si>
    <t>Artificial and Synthetic Fibers and Filaments Manufacturing</t>
  </si>
  <si>
    <t>Nitrogenous Fertilizer Manufacturing</t>
  </si>
  <si>
    <t>Phosphatic Fertilizer Manufacturing</t>
  </si>
  <si>
    <t>Pesticide and Other Agricultural Chemical Manufacturing</t>
  </si>
  <si>
    <t>Medicinal and Botanical Manufacturing</t>
  </si>
  <si>
    <t>Pharmaceutical Preparation Manufacturing</t>
  </si>
  <si>
    <t>In-Vitro Diagnostic Substance Manufacturing</t>
  </si>
  <si>
    <t>Biological Product (except Diagnostic) Manufacturing</t>
  </si>
  <si>
    <t>Paint and Coating Manufacturing</t>
  </si>
  <si>
    <t>Adhesive Manufacturing</t>
  </si>
  <si>
    <t>Polish and Other Sanitation Good Manufacturing</t>
  </si>
  <si>
    <t>Surface Active Agent Manufacturing</t>
  </si>
  <si>
    <t>Explosives Manufacturing</t>
  </si>
  <si>
    <t>Photographic Film, Paper, Plate, and Chemical Manufacturing</t>
  </si>
  <si>
    <t>All Other Miscellaneous Chemical Product and Preparation Manufacturing</t>
  </si>
  <si>
    <t>Unlaminated Plastics Film and Sheet (except Packaging) Manufacturing</t>
  </si>
  <si>
    <t>Unlaminated Plastics Profile Shape Manufacturing</t>
  </si>
  <si>
    <t>All Other Plastics Product Manufacturing</t>
  </si>
  <si>
    <t>Tire Manufacturing (except Retreading)</t>
  </si>
  <si>
    <t>Rubber and Plastics Hoses and Belting Manufacturing</t>
  </si>
  <si>
    <t>Rubber Product Manufacturing for Mechanical Use</t>
  </si>
  <si>
    <t>Flat Glass Manufacturing</t>
  </si>
  <si>
    <t>Other Pressed and Blown Glass and Glassware Manufacturing</t>
  </si>
  <si>
    <t>Glass Product Manufacturing Made of Purchased Glass</t>
  </si>
  <si>
    <t>Other Concrete Product Manufacturing</t>
  </si>
  <si>
    <t>Lime Manufacturing</t>
  </si>
  <si>
    <t>Abrasive Product Manufacturing</t>
  </si>
  <si>
    <t>Cut Stone and Stone Product Manufacturing</t>
  </si>
  <si>
    <t>Ground or Treated Mineral and Earth Manufacturing</t>
  </si>
  <si>
    <t>Mineral Wool Manufacturing</t>
  </si>
  <si>
    <t>All Other Miscellaneous Nonmetallic Mineral Product Manufacturing</t>
  </si>
  <si>
    <t>Iron and Steel Mills and Ferroalloy Manufacturing</t>
  </si>
  <si>
    <t>Iron and Steel Pipe and Tube Manufacturing from Purchased Steel</t>
  </si>
  <si>
    <t>Rolled Steel Shape Manufacturing</t>
  </si>
  <si>
    <t>Alumina Refining and Primary Aluminum Production</t>
  </si>
  <si>
    <t>Secondary Smelting and Alloying of Aluminum</t>
  </si>
  <si>
    <t>Aluminum Sheet, Plate, and Foil Manufacturing</t>
  </si>
  <si>
    <t>Nonferrous Metal (except Aluminum) Smelting and Refining</t>
  </si>
  <si>
    <t>Nonferrous Metal (except Copper and Aluminum) Rolling, Drawing, and Extruding</t>
  </si>
  <si>
    <t>Secondary Smelting, Refining, and Alloying of Nonferrous Metal (except Copper and Aluminum)</t>
  </si>
  <si>
    <t>Iron Foundries</t>
  </si>
  <si>
    <t>Steel Foundries (except Investment)</t>
  </si>
  <si>
    <t>Metal Crown, Closure, and Other Metal Stamping (except Automotive)</t>
  </si>
  <si>
    <t>Metal Kitchen Cookware, Utensil, Cutlery, and Flatware (except Precious) Manufacturing</t>
  </si>
  <si>
    <t>Prefabricated Metal Building and Component Manufacturing</t>
  </si>
  <si>
    <t>Plate Work Manufacturing</t>
  </si>
  <si>
    <t>Metal Window and Door Manufacturing</t>
  </si>
  <si>
    <t>Power Boiler and Heat Exchanger Manufacturing</t>
  </si>
  <si>
    <t>Metal Tank (Heavy Gauge) Manufacturing</t>
  </si>
  <si>
    <t>Metal Can Manufacturing</t>
  </si>
  <si>
    <t>Other Metal Container Manufacturing</t>
  </si>
  <si>
    <t>Hardware Manufacturing</t>
  </si>
  <si>
    <t>Spring Manufacturing</t>
  </si>
  <si>
    <t>Other Fabricated Wire Product Manufacturing</t>
  </si>
  <si>
    <t>Bolt, Nut, Screw, Rivet, and Washer Manufacturing</t>
  </si>
  <si>
    <t>Industrial Valve Manufacturing</t>
  </si>
  <si>
    <t>Fluid Power Valve and Hose Fitting Manufacturing</t>
  </si>
  <si>
    <t>Other Metal Valve and Pipe Fitting Manufacturing</t>
  </si>
  <si>
    <t>Ball and Roller Bearing Manufacturing</t>
  </si>
  <si>
    <t>Small Arms Ammunition Manufacturing</t>
  </si>
  <si>
    <t>Ammunition (except Small Arms) Manufacturing</t>
  </si>
  <si>
    <t>Small Arms, Ordnance, and Ordnance Accessories Manufacturing</t>
  </si>
  <si>
    <t>All Other Miscellaneous Fabricated Metal Product Manufacturing</t>
  </si>
  <si>
    <t>Farm Machinery and Equipment Manufacturing</t>
  </si>
  <si>
    <t>Construction Machinery Manufacturing</t>
  </si>
  <si>
    <t>Mining Machinery and Equipment Manufacturing</t>
  </si>
  <si>
    <t>Oil and Gas Field Machinery and Equipment Manufacturing</t>
  </si>
  <si>
    <t>Food Product Machinery Manufacturing</t>
  </si>
  <si>
    <t>Semiconductor Machinery Manufacturing</t>
  </si>
  <si>
    <t>Sawmill, Woodworking, and Paper Machinery Manufacturing</t>
  </si>
  <si>
    <t>Printing Machinery and Equipment Manufacturing</t>
  </si>
  <si>
    <t>Other Industrial Machinery Manufacturing</t>
  </si>
  <si>
    <t>Optical Instrument and Lens Manufacturing</t>
  </si>
  <si>
    <t>Photographic and Photocopying Equipment Manufacturing</t>
  </si>
  <si>
    <t>Other Commercial and Service Industry Machinery Manufacturing</t>
  </si>
  <si>
    <t>Industrial and Commercial Fan and Blower and Air Purification Equipment Manufacturing</t>
  </si>
  <si>
    <t>Heating Equipment (except Warm Air Furnaces) Manufacturing</t>
  </si>
  <si>
    <t>Air-Conditioning and Warm Air Heating Equipment and Commercial and Industrial Refrigeration Equipment Manufacturing</t>
  </si>
  <si>
    <t>Industrial Mold Manufacturing</t>
  </si>
  <si>
    <t>Special Die and Tool, Die Set, Jig, and Fixture Manufacturing</t>
  </si>
  <si>
    <t>Cutting Tool and Machine Tool Accessory Manufacturing</t>
  </si>
  <si>
    <t>Machine Tool Manufacturing</t>
  </si>
  <si>
    <t>Rolling Mill and Other Metalworking Machinery Manufacturing</t>
  </si>
  <si>
    <t>Turbine and Turbine Generator Set Units Manufacturing</t>
  </si>
  <si>
    <t>Speed Changer, Industrial High-Speed Drive, and Gear Manufacturing</t>
  </si>
  <si>
    <t>Mechanical Power Transmission Equipment Manufacturing</t>
  </si>
  <si>
    <t>Other Engine Equipment Manufacturing</t>
  </si>
  <si>
    <t>Air and Gas Compressor Manufacturing</t>
  </si>
  <si>
    <t>Elevator and Moving Stairway Manufacturing</t>
  </si>
  <si>
    <t>Conveyor and Conveying Equipment Manufacturing</t>
  </si>
  <si>
    <t>Overhead Traveling Crane, Hoist, and Monorail System Manufacturing</t>
  </si>
  <si>
    <t>Industrial Truck, Tractor, Trailer, and Stacker Machinery Manufacturing</t>
  </si>
  <si>
    <t>Power-Driven Handtool Manufacturing</t>
  </si>
  <si>
    <t>Welding and Soldering Equipment Manufacturing</t>
  </si>
  <si>
    <t>Packaging Machinery Manufacturing</t>
  </si>
  <si>
    <t>Industrial Process Furnace and Oven Manufacturing</t>
  </si>
  <si>
    <t>Fluid Power Cylinder and Actuator Manufacturing</t>
  </si>
  <si>
    <t>Fluid Power Pump and Motor Manufacturing</t>
  </si>
  <si>
    <t>Scale and Balance Manufacturing</t>
  </si>
  <si>
    <t>All Other Miscellaneous General Purpose Machinery Manufacturing</t>
  </si>
  <si>
    <t>Electronic Computer Manufacturing</t>
  </si>
  <si>
    <t>Computer Storage Device Manufacturing</t>
  </si>
  <si>
    <t>Computer Terminal and Other Computer Peripheral Equipment Manufacturing</t>
  </si>
  <si>
    <t>Telephone Apparatus Manufacturing</t>
  </si>
  <si>
    <t>Radio and Television Broadcasting and Wireless Communications Equipment Manufacturing</t>
  </si>
  <si>
    <t>Other Communications Equipment Manufacturing</t>
  </si>
  <si>
    <t>Audio and Video Equipment Manufacturing</t>
  </si>
  <si>
    <t>Bare Printed Circuit Board Manufacturing</t>
  </si>
  <si>
    <t>Semiconductor and Related Device Manufacturing</t>
  </si>
  <si>
    <t>Capacitor, Resistor, Coil, Transformer, and Other Inductor Manufacturing</t>
  </si>
  <si>
    <t>Electronic Connector Manufacturing</t>
  </si>
  <si>
    <t>Printed Circuit Assembly (Electronic Assembly) Manufacturing</t>
  </si>
  <si>
    <t>Other Electronic Component Manufacturing</t>
  </si>
  <si>
    <t>Electromedical and Electrotherapeutic Apparatus Manufacturing</t>
  </si>
  <si>
    <t>Search, Detection, Navigation, Guidance, Aeronautical, and Nautical System and Instrument Manufacturing</t>
  </si>
  <si>
    <t>Automatic Environmental Control Manufacturing for Residential, Commercial, and Appliance Use</t>
  </si>
  <si>
    <t>Instruments and Related Products Manufacturing for Measuring, Displaying, and Controlling Industrial Process Variables</t>
  </si>
  <si>
    <t>Totalizing Fluid Meter and Counting Device Manufacturing</t>
  </si>
  <si>
    <t>Instrument Manufacturing for Measuring and Testing Electricity and Electrical Signals</t>
  </si>
  <si>
    <t>Analytical Laboratory Instrument Manufacturing</t>
  </si>
  <si>
    <t>Irradiation Apparatus Manufacturing</t>
  </si>
  <si>
    <t>Other Measuring and Controlling Device Manufacturing</t>
  </si>
  <si>
    <t>Blank Magnetic and Optical Recording Media Manufacturing</t>
  </si>
  <si>
    <t>Electric Lamp Bulb and Part Manufacturing</t>
  </si>
  <si>
    <t>Other Lighting Equipment Manufacturing</t>
  </si>
  <si>
    <t>Small Electrical Appliance Manufacturing</t>
  </si>
  <si>
    <t>Power, Distribution, and Specialty Transformer Manufacturing</t>
  </si>
  <si>
    <t>Motor and Generator Manufacturing</t>
  </si>
  <si>
    <t>Switchgear and Switchboard Apparatus Manufacturing</t>
  </si>
  <si>
    <t>Relay and Industrial Control Manufacturing</t>
  </si>
  <si>
    <t>Storage Battery Manufacturing</t>
  </si>
  <si>
    <t>Primary Battery Manufacturing</t>
  </si>
  <si>
    <t>Fiber Optic Cable Manufacturing</t>
  </si>
  <si>
    <t>Current-Carrying Wiring Device Manufacturing</t>
  </si>
  <si>
    <t>Noncurrent-Carrying Wiring Device Manufacturing</t>
  </si>
  <si>
    <t>Carbon and Graphite Product Manufacturing</t>
  </si>
  <si>
    <t>All Other Miscellaneous Electrical Equipment and Component Manufacturing</t>
  </si>
  <si>
    <t>Automobile Manufacturing</t>
  </si>
  <si>
    <t>Light Truck and Utility Vehicle Manufacturing</t>
  </si>
  <si>
    <t>Heavy Duty Truck Manufacturing</t>
  </si>
  <si>
    <t>Motor Vehicle Body Manufacturing</t>
  </si>
  <si>
    <t>Truck Trailer Manufacturing</t>
  </si>
  <si>
    <t>Motor Vehicle Gasoline Engine and Engine Parts Manufacturing</t>
  </si>
  <si>
    <t>Motor Vehicle Electrical and Electronic Equipment Manufacturing</t>
  </si>
  <si>
    <t>Motor Vehicle Steering and Suspension Components (except Spring) Manufacturing</t>
  </si>
  <si>
    <t>Motor Vehicle Brake System Manufacturing</t>
  </si>
  <si>
    <t>Motor Vehicle Transmission and Power Train Parts Manufacturing</t>
  </si>
  <si>
    <t>Motor Vehicle Seating and Interior Trim Manufacturing</t>
  </si>
  <si>
    <t>Other Motor Vehicle Parts Manufacturing</t>
  </si>
  <si>
    <t>Aircraft Manufacturing</t>
  </si>
  <si>
    <t>Aircraft Engine and Engine Parts Manufacturing</t>
  </si>
  <si>
    <t>Other Aircraft Parts and Auxiliary Equipment Manufacturing</t>
  </si>
  <si>
    <t>Guided Missile and Space Vehicle Propulsion Unit and Propulsion Unit Parts Manufacturing</t>
  </si>
  <si>
    <t>Railroad Rolling Stock Manufacturing</t>
  </si>
  <si>
    <t>Ship Building and Repairing</t>
  </si>
  <si>
    <t>Boat Building</t>
  </si>
  <si>
    <t>All Other Transportation Equipment Manufacturing</t>
  </si>
  <si>
    <t>Surgical and Medical Instrument Manufacturing</t>
  </si>
  <si>
    <t>Surgical Appliance and Supplies Manufacturing</t>
  </si>
  <si>
    <t>Dental Equipment and Supplies Manufacturing</t>
  </si>
  <si>
    <t>Gasket, Packing, and Sealing Device Manufacturing</t>
  </si>
  <si>
    <t>All Other Miscellaneous Manufacturing</t>
  </si>
  <si>
    <t>Keith Belton, "Assessing the Clout of US National Power Industries vs. China" (ITIF, March 2026).</t>
  </si>
  <si>
    <t>Lathes (including turning centers) for removing metal</t>
  </si>
  <si>
    <t>Way-type unit head machines</t>
  </si>
  <si>
    <t>Machine tools (including presses) for working metal by bending</t>
  </si>
  <si>
    <t>Machine-tools for milling by removing metal, knee-type, numerically controlled</t>
  </si>
  <si>
    <t>Machine tools for working any material by removal of material, operated by electro-chemical, electron-beam, ionic-beam, or plasma arc processes</t>
  </si>
  <si>
    <t>Shaping or slotting machines that work by removing metal</t>
  </si>
  <si>
    <t>Tools for drilling, other than for rock drilling, and parts thereof</t>
  </si>
  <si>
    <t>Casting machines for metallurgy or metal foundries</t>
  </si>
  <si>
    <t>Parts for converters, ladles, ingot molds, and casting machines, not elsewhere specified</t>
  </si>
  <si>
    <t>Machine tools that remove material using ultrasonic processes</t>
  </si>
  <si>
    <t>Machine tools for working any material by removal of material, operated by electro-discharge processes</t>
  </si>
  <si>
    <t>Machine tools for working any material by removal of material, operated by plasma arc processes</t>
  </si>
  <si>
    <t>Machining centers for working metal</t>
  </si>
  <si>
    <t>Unit construction machines (single station) for working metal</t>
  </si>
  <si>
    <t>Horizontal lathes (including turning centers) for removing metal, numerically controlled</t>
  </si>
  <si>
    <t>Horizontal lathes for removing metal, other than numerically controlled</t>
  </si>
  <si>
    <t>Other lathes (non-horizontal) for removing metal, numerically controlled</t>
  </si>
  <si>
    <t>Machine-tools for drilling by removing metal, numerically controlled</t>
  </si>
  <si>
    <t>Other drilling machines, not numerically controlled, for removing metal</t>
  </si>
  <si>
    <t>Machine tools for boring and milling by removing metal, that are numerically controlled (CNC)</t>
  </si>
  <si>
    <t>Other boring-milling machines for removing metal, not numerically controlled (non-CNC).</t>
  </si>
  <si>
    <t>Machine tools for boring, numerically controlled, metal removing</t>
  </si>
  <si>
    <t>Machine-tools (including way-type unit head machines) for drilling, boring, milling, threading or tapping by removing metal, other than lathes</t>
  </si>
  <si>
    <t>Machine-tools for drilling, boring, milling, threading, or tapping by removing metal; specifically, knee-type milling machines, not numerically controlled</t>
  </si>
  <si>
    <t>Machine-tools for milling, which are numerically controlled and not of the knee type.</t>
  </si>
  <si>
    <t>Machine tools (including way-type unit head machines) for drilling, boring, milling, threading, or tapping by removing metal, specifically focused on "other threading or tapping machines"</t>
  </si>
  <si>
    <t>Milling machines, metal-removing, not knee-type, not numerically controlled</t>
  </si>
  <si>
    <t>Flat-surface grinding machines, numerically controlled</t>
  </si>
  <si>
    <t>Machine tools for deburring, sharpening, grinding, honing, lapping, polishing, or otherwise finishing metal or cermets</t>
  </si>
  <si>
    <t>Other cylindrical grinding machines, numerically controlled (CNC)</t>
  </si>
  <si>
    <t>Centerless grinding machines, numerically controlled (NC or CNC)</t>
  </si>
  <si>
    <t>Other grinding machines, numerically controlled</t>
  </si>
  <si>
    <t>Sharpening (tool or cutter grinding) machines, numerically controlled</t>
  </si>
  <si>
    <t>Machine-tools for sharpening (tool or cutter grinding), not numerically controlled, for metal or cermets</t>
  </si>
  <si>
    <t>Machinery that shapes or finishes metal parts to precise tolerances</t>
  </si>
  <si>
    <t>Machines for finishing metal/cermets via abrasives (n.e.c. - not elsewhere classified)</t>
  </si>
  <si>
    <t>Machine tools; broaching machines, working by removing metal, sintered metal carbides or cermets</t>
  </si>
  <si>
    <t>Gear cutting, gear grinding, or gear finishing machines</t>
  </si>
  <si>
    <t>Machines used specifically for sawing or cutting-off metal</t>
  </si>
  <si>
    <t>Machine tools for removing material, such as engraving machines, filing machines, or specialized metal-cutting equipment not elsewhere specified (n.e.c.)</t>
  </si>
  <si>
    <t>Machines used for forging, hammering, or die-stamping metal</t>
  </si>
  <si>
    <t>machines that use numerical control (CNC) for bending, folding, straightening, or flattening metal</t>
  </si>
  <si>
    <t>Machine-tools; shearing machines (including presses), (other than combined punching and shearing machines), numerically controlled, for working metal</t>
  </si>
  <si>
    <t>Other shearing machines (including presses) for working metal, not numerically controlled</t>
  </si>
  <si>
    <t>Machine-tools (including presses) for punching or notching metal, including combined punching and shearing machines, numerically controlled</t>
  </si>
  <si>
    <t>Machines for punching, notching, or combining punching/shearing operations on metal</t>
  </si>
  <si>
    <t>Machines (including presses) for working metal by forging, hammering, die-stamping, bending, folding, straightening, flattening, shearing, punching, or notching</t>
  </si>
  <si>
    <t>"Other" machine tools and presses for working metal by methods such as forging, hammering, bending, or flattening that are not specified elsewhere, specifically excluding hydraulic presses</t>
  </si>
  <si>
    <t>Machines that shape metal threads by deforming the material rather than cutting it (non-cutting process)</t>
  </si>
  <si>
    <t>Other machine tools for working metal, sintered metal carbides, or cermets without removing material, excluding forging, bending, or wire-working machines</t>
  </si>
  <si>
    <t>Machines designed to create holes (drilling) or cut joints (mortising) in hard materials</t>
  </si>
  <si>
    <t>Parts and accessories for machines that work metal by removing material, such as lasers, centers, lathes, and drilling machines</t>
  </si>
  <si>
    <t>Parts and accessories for machines of heading 8462 or 8463 (forging, bending, stamping, shearing)</t>
  </si>
  <si>
    <t>https://itif.org/publications/2026/03/09/assessing-the-clout-of-us-national-power-industries-vs-china/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8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u/>
      <sz val="11"/>
      <color theme="10"/>
      <name val="Aptos Narrow"/>
      <family val="2"/>
      <scheme val="minor"/>
    </font>
    <font>
      <sz val="11"/>
      <color rgb="FF0A0A0A"/>
      <name val="Aptos"/>
      <family val="2"/>
    </font>
    <font>
      <sz val="11"/>
      <name val="Aptos"/>
      <family val="2"/>
    </font>
    <font>
      <sz val="11"/>
      <color rgb="FF0A0A0A"/>
      <name val="Aptos Narrow"/>
      <family val="2"/>
      <scheme val="minor"/>
    </font>
    <font>
      <sz val="11"/>
      <name val="Aptos Narrow"/>
      <family val="2"/>
      <scheme val="minor"/>
    </font>
    <font>
      <sz val="11"/>
      <name val="Aptos Narrow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2">
    <xf numFmtId="0" fontId="0" fillId="0" borderId="0"/>
    <xf numFmtId="0" fontId="2" fillId="0" borderId="0" applyNumberFormat="0" applyFill="0" applyBorder="0" applyAlignment="0" applyProtection="0"/>
  </cellStyleXfs>
  <cellXfs count="14">
    <xf numFmtId="0" fontId="0" fillId="0" borderId="0" xfId="0"/>
    <xf numFmtId="0" fontId="0" fillId="0" borderId="0" xfId="0" applyAlignment="1">
      <alignment horizontal="left" indent="3"/>
    </xf>
    <xf numFmtId="0" fontId="1" fillId="0" borderId="0" xfId="0" applyFont="1"/>
    <xf numFmtId="0" fontId="1" fillId="0" borderId="0" xfId="0" applyFont="1" applyAlignment="1">
      <alignment horizontal="left" indent="2"/>
    </xf>
    <xf numFmtId="0" fontId="2" fillId="0" borderId="0" xfId="1"/>
    <xf numFmtId="0" fontId="2" fillId="0" borderId="0" xfId="1" applyAlignment="1"/>
    <xf numFmtId="0" fontId="4" fillId="0" borderId="0" xfId="0" applyFont="1"/>
    <xf numFmtId="0" fontId="3" fillId="0" borderId="0" xfId="0" applyFont="1"/>
    <xf numFmtId="0" fontId="6" fillId="0" borderId="0" xfId="0" applyFont="1"/>
    <xf numFmtId="0" fontId="6" fillId="0" borderId="0" xfId="1" applyFont="1" applyAlignment="1"/>
    <xf numFmtId="0" fontId="5" fillId="0" borderId="0" xfId="0" applyFont="1"/>
    <xf numFmtId="0" fontId="7" fillId="0" borderId="0" xfId="0" applyFont="1"/>
    <xf numFmtId="2" fontId="0" fillId="0" borderId="0" xfId="0" applyNumberFormat="1"/>
    <xf numFmtId="2" fontId="1" fillId="0" borderId="0" xfId="0" applyNumberFormat="1" applyFont="1"/>
  </cellXfs>
  <cellStyles count="2">
    <cellStyle name="Hyperlink" xfId="1" builtinId="8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customXml" Target="../customXml/item4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itif.org/publications/2026/03/09/assessing-the-clout-of-us-national-power-industries-vs-china/" TargetMode="External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printerSettings" Target="../printerSettings/printerSettings2.bin"/><Relationship Id="rId1" Type="http://schemas.openxmlformats.org/officeDocument/2006/relationships/hyperlink" Target="https://itif.org/publications/2026/03/09/assessing-the-clout-of-us-national-power-industries-vs-china/" TargetMode="Externa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F181"/>
  <sheetViews>
    <sheetView tabSelected="1" workbookViewId="0">
      <pane ySplit="4" topLeftCell="A5" activePane="bottomLeft" state="frozen"/>
      <selection pane="bottomLeft"/>
    </sheetView>
  </sheetViews>
  <sheetFormatPr defaultRowHeight="14.4" x14ac:dyDescent="0.3"/>
  <cols>
    <col min="1" max="1" width="13.33203125" customWidth="1"/>
    <col min="2" max="2" width="50.109375" customWidth="1"/>
    <col min="3" max="3" width="16.44140625" bestFit="1" customWidth="1"/>
    <col min="4" max="4" width="11" style="12" bestFit="1" customWidth="1"/>
    <col min="5" max="5" width="11.109375" style="12" bestFit="1" customWidth="1"/>
    <col min="6" max="6" width="7" bestFit="1" customWidth="1"/>
  </cols>
  <sheetData>
    <row r="1" spans="1:6" x14ac:dyDescent="0.3">
      <c r="A1" s="2" t="s">
        <v>250</v>
      </c>
    </row>
    <row r="2" spans="1:6" x14ac:dyDescent="0.3">
      <c r="A2" s="4" t="s">
        <v>304</v>
      </c>
      <c r="B2" s="4"/>
    </row>
    <row r="3" spans="1:6" s="2" customFormat="1" x14ac:dyDescent="0.3">
      <c r="A3" s="2" t="s">
        <v>64</v>
      </c>
      <c r="D3" s="13"/>
      <c r="E3" s="13"/>
    </row>
    <row r="4" spans="1:6" s="2" customFormat="1" x14ac:dyDescent="0.3">
      <c r="A4" s="2" t="s">
        <v>0</v>
      </c>
      <c r="B4" s="2" t="s">
        <v>70</v>
      </c>
      <c r="C4" s="2" t="s">
        <v>65</v>
      </c>
      <c r="D4" s="13" t="s">
        <v>67</v>
      </c>
      <c r="E4" s="13" t="s">
        <v>66</v>
      </c>
      <c r="F4" s="3" t="s">
        <v>68</v>
      </c>
    </row>
    <row r="5" spans="1:6" x14ac:dyDescent="0.3">
      <c r="A5">
        <v>113310</v>
      </c>
      <c r="B5" t="s">
        <v>73</v>
      </c>
      <c r="C5" t="s">
        <v>60</v>
      </c>
      <c r="D5" s="12">
        <v>0.88436008597621796</v>
      </c>
      <c r="E5" s="12">
        <v>4.8671927605831479E-3</v>
      </c>
      <c r="F5" s="1" t="s">
        <v>61</v>
      </c>
    </row>
    <row r="6" spans="1:6" x14ac:dyDescent="0.3">
      <c r="A6">
        <v>316998</v>
      </c>
      <c r="B6" t="s">
        <v>74</v>
      </c>
      <c r="C6" t="s">
        <v>62</v>
      </c>
      <c r="D6" s="12">
        <v>0.27764338674795119</v>
      </c>
      <c r="E6" s="12">
        <v>0.35439299232324029</v>
      </c>
      <c r="F6" s="1">
        <v>5</v>
      </c>
    </row>
    <row r="7" spans="1:6" x14ac:dyDescent="0.3">
      <c r="A7">
        <v>322220</v>
      </c>
      <c r="B7" t="s">
        <v>75</v>
      </c>
      <c r="C7" t="s">
        <v>62</v>
      </c>
      <c r="D7" s="12">
        <v>1.0402092315766416</v>
      </c>
      <c r="E7" s="12">
        <v>0.1152784305507541</v>
      </c>
      <c r="F7" s="1" t="s">
        <v>63</v>
      </c>
    </row>
    <row r="8" spans="1:6" x14ac:dyDescent="0.3">
      <c r="A8">
        <v>324110</v>
      </c>
      <c r="B8" t="s">
        <v>76</v>
      </c>
      <c r="C8" t="s">
        <v>60</v>
      </c>
      <c r="D8" s="12">
        <v>1.4534674068188267</v>
      </c>
      <c r="E8" s="12">
        <v>2.7114576286176782E-2</v>
      </c>
      <c r="F8" s="1">
        <v>2</v>
      </c>
    </row>
    <row r="9" spans="1:6" x14ac:dyDescent="0.3">
      <c r="A9">
        <v>324121</v>
      </c>
      <c r="B9" t="s">
        <v>77</v>
      </c>
      <c r="C9" t="s">
        <v>60</v>
      </c>
      <c r="D9" s="12">
        <v>0.2797461023510362</v>
      </c>
      <c r="E9" s="12">
        <v>2.4867591951712952E-3</v>
      </c>
      <c r="F9" s="1" t="s">
        <v>61</v>
      </c>
    </row>
    <row r="10" spans="1:6" x14ac:dyDescent="0.3">
      <c r="A10">
        <v>324122</v>
      </c>
      <c r="B10" t="s">
        <v>78</v>
      </c>
      <c r="C10" t="s">
        <v>60</v>
      </c>
      <c r="D10" s="12">
        <v>1.8558117785108337</v>
      </c>
      <c r="E10" s="12">
        <v>2.3583203467934777E-3</v>
      </c>
      <c r="F10" s="1">
        <v>2</v>
      </c>
    </row>
    <row r="11" spans="1:6" x14ac:dyDescent="0.3">
      <c r="A11">
        <v>324199</v>
      </c>
      <c r="B11" t="s">
        <v>79</v>
      </c>
      <c r="C11" t="s">
        <v>62</v>
      </c>
      <c r="D11" s="12">
        <v>2.5265623093535996E-2</v>
      </c>
      <c r="E11" s="12">
        <v>2.809789446415053E-3</v>
      </c>
      <c r="F11" s="1" t="s">
        <v>61</v>
      </c>
    </row>
    <row r="12" spans="1:6" x14ac:dyDescent="0.3">
      <c r="A12">
        <v>325110</v>
      </c>
      <c r="B12" t="s">
        <v>80</v>
      </c>
      <c r="C12" t="s">
        <v>62</v>
      </c>
      <c r="D12" s="12">
        <v>2.4584425829605698</v>
      </c>
      <c r="E12" s="12">
        <v>5.011842613375163E-3</v>
      </c>
      <c r="F12" s="1">
        <v>1</v>
      </c>
    </row>
    <row r="13" spans="1:6" x14ac:dyDescent="0.3">
      <c r="A13">
        <v>325120</v>
      </c>
      <c r="B13" t="s">
        <v>81</v>
      </c>
      <c r="C13" t="s">
        <v>60</v>
      </c>
      <c r="D13" s="12">
        <v>0.84435963705117312</v>
      </c>
      <c r="E13" s="12">
        <v>0.29333695414893246</v>
      </c>
      <c r="F13" s="1" t="s">
        <v>61</v>
      </c>
    </row>
    <row r="14" spans="1:6" x14ac:dyDescent="0.3">
      <c r="A14">
        <v>325130</v>
      </c>
      <c r="B14" t="s">
        <v>82</v>
      </c>
      <c r="C14" t="s">
        <v>60</v>
      </c>
      <c r="D14" s="12">
        <v>0.78087689073756217</v>
      </c>
      <c r="E14" s="12">
        <v>0.11371964350795304</v>
      </c>
      <c r="F14" s="1" t="s">
        <v>61</v>
      </c>
    </row>
    <row r="15" spans="1:6" x14ac:dyDescent="0.3">
      <c r="A15">
        <v>325180</v>
      </c>
      <c r="B15" t="s">
        <v>83</v>
      </c>
      <c r="C15" t="s">
        <v>62</v>
      </c>
      <c r="D15" s="12">
        <v>0.97763917949691626</v>
      </c>
      <c r="E15" s="12">
        <v>0.16027484611240447</v>
      </c>
      <c r="F15" s="1" t="s">
        <v>61</v>
      </c>
    </row>
    <row r="16" spans="1:6" x14ac:dyDescent="0.3">
      <c r="A16">
        <v>325194</v>
      </c>
      <c r="B16" t="s">
        <v>84</v>
      </c>
      <c r="C16" t="s">
        <v>60</v>
      </c>
      <c r="D16" s="12">
        <v>1.1072914167977517</v>
      </c>
      <c r="E16" s="12">
        <v>8.4266536364772854E-2</v>
      </c>
      <c r="F16" s="1" t="s">
        <v>63</v>
      </c>
    </row>
    <row r="17" spans="1:6" x14ac:dyDescent="0.3">
      <c r="A17">
        <v>325199</v>
      </c>
      <c r="B17" t="s">
        <v>85</v>
      </c>
      <c r="C17" t="s">
        <v>62</v>
      </c>
      <c r="D17" s="12">
        <v>1.521204726418302</v>
      </c>
      <c r="E17" s="12">
        <v>0.22587973427774263</v>
      </c>
      <c r="F17" s="1" t="s">
        <v>63</v>
      </c>
    </row>
    <row r="18" spans="1:6" x14ac:dyDescent="0.3">
      <c r="A18">
        <v>325211</v>
      </c>
      <c r="B18" t="s">
        <v>86</v>
      </c>
      <c r="C18" t="s">
        <v>62</v>
      </c>
      <c r="D18" s="12">
        <v>1.3167855973728009</v>
      </c>
      <c r="E18" s="12">
        <v>3.3830496859710846E-2</v>
      </c>
      <c r="F18" s="1">
        <v>2</v>
      </c>
    </row>
    <row r="19" spans="1:6" x14ac:dyDescent="0.3">
      <c r="A19">
        <v>325212</v>
      </c>
      <c r="B19" t="s">
        <v>87</v>
      </c>
      <c r="C19" t="s">
        <v>62</v>
      </c>
      <c r="D19" s="12">
        <v>1.3137901916091725</v>
      </c>
      <c r="E19" s="12">
        <v>3.8384741392055076E-2</v>
      </c>
      <c r="F19" s="1">
        <v>2</v>
      </c>
    </row>
    <row r="20" spans="1:6" x14ac:dyDescent="0.3">
      <c r="A20">
        <v>325220</v>
      </c>
      <c r="B20" t="s">
        <v>88</v>
      </c>
      <c r="C20" t="s">
        <v>60</v>
      </c>
      <c r="D20" s="12">
        <v>0.73781234865590561</v>
      </c>
      <c r="E20" s="12">
        <v>6.7584255624222239E-2</v>
      </c>
      <c r="F20" s="1" t="s">
        <v>61</v>
      </c>
    </row>
    <row r="21" spans="1:6" x14ac:dyDescent="0.3">
      <c r="A21">
        <v>325311</v>
      </c>
      <c r="B21" t="s">
        <v>89</v>
      </c>
      <c r="C21" t="s">
        <v>62</v>
      </c>
      <c r="D21" s="12">
        <v>0.61501778089727221</v>
      </c>
      <c r="E21" s="12">
        <v>2.0811433857146577E-2</v>
      </c>
      <c r="F21" s="1" t="s">
        <v>61</v>
      </c>
    </row>
    <row r="22" spans="1:6" x14ac:dyDescent="0.3">
      <c r="A22">
        <v>325312</v>
      </c>
      <c r="B22" t="s">
        <v>90</v>
      </c>
      <c r="C22" t="s">
        <v>60</v>
      </c>
      <c r="D22" s="12">
        <v>0.80178573239465623</v>
      </c>
      <c r="E22" s="12">
        <v>1.2633351146854951E-2</v>
      </c>
      <c r="F22" s="1" t="s">
        <v>61</v>
      </c>
    </row>
    <row r="23" spans="1:6" x14ac:dyDescent="0.3">
      <c r="A23">
        <v>325320</v>
      </c>
      <c r="B23" t="s">
        <v>91</v>
      </c>
      <c r="C23" t="s">
        <v>62</v>
      </c>
      <c r="D23" s="12">
        <v>1.2267110857280095</v>
      </c>
      <c r="E23" s="12">
        <v>3.3843989159888573E-2</v>
      </c>
      <c r="F23" s="1">
        <v>2</v>
      </c>
    </row>
    <row r="24" spans="1:6" x14ac:dyDescent="0.3">
      <c r="A24">
        <v>325411</v>
      </c>
      <c r="B24" t="s">
        <v>92</v>
      </c>
      <c r="C24" t="s">
        <v>62</v>
      </c>
      <c r="D24" s="12">
        <v>0.96675197708063565</v>
      </c>
      <c r="E24" s="12">
        <v>0.44197665106451878</v>
      </c>
      <c r="F24" s="1" t="s">
        <v>61</v>
      </c>
    </row>
    <row r="25" spans="1:6" x14ac:dyDescent="0.3">
      <c r="A25">
        <v>325412</v>
      </c>
      <c r="B25" t="s">
        <v>93</v>
      </c>
      <c r="C25" t="s">
        <v>62</v>
      </c>
      <c r="D25" s="12">
        <v>1.0818177396957962</v>
      </c>
      <c r="E25" s="12">
        <v>0.15189280767123328</v>
      </c>
      <c r="F25" s="1" t="s">
        <v>63</v>
      </c>
    </row>
    <row r="26" spans="1:6" x14ac:dyDescent="0.3">
      <c r="A26">
        <v>325413</v>
      </c>
      <c r="B26" t="s">
        <v>94</v>
      </c>
      <c r="C26" t="s">
        <v>60</v>
      </c>
      <c r="D26" s="12">
        <v>1.7277869159850059</v>
      </c>
      <c r="E26" s="12">
        <v>1.2132872502594113E-2</v>
      </c>
      <c r="F26" s="1">
        <v>2</v>
      </c>
    </row>
    <row r="27" spans="1:6" x14ac:dyDescent="0.3">
      <c r="A27">
        <v>325414</v>
      </c>
      <c r="B27" t="s">
        <v>95</v>
      </c>
      <c r="C27" t="s">
        <v>62</v>
      </c>
      <c r="D27" s="12">
        <v>2.2672495834944471</v>
      </c>
      <c r="E27" s="12">
        <v>2.8811274008865496E-2</v>
      </c>
      <c r="F27" s="1">
        <v>1</v>
      </c>
    </row>
    <row r="28" spans="1:6" x14ac:dyDescent="0.3">
      <c r="A28">
        <v>325510</v>
      </c>
      <c r="B28" t="s">
        <v>96</v>
      </c>
      <c r="C28" t="s">
        <v>60</v>
      </c>
      <c r="D28" s="12">
        <v>0.9765370475589038</v>
      </c>
      <c r="E28" s="12">
        <v>8.4995380282055742E-3</v>
      </c>
      <c r="F28" s="1" t="s">
        <v>61</v>
      </c>
    </row>
    <row r="29" spans="1:6" x14ac:dyDescent="0.3">
      <c r="A29">
        <v>325520</v>
      </c>
      <c r="B29" t="s">
        <v>97</v>
      </c>
      <c r="C29" t="s">
        <v>60</v>
      </c>
      <c r="D29" s="12">
        <v>0.81723883762604621</v>
      </c>
      <c r="E29" s="12">
        <v>2.5917001112249705E-2</v>
      </c>
      <c r="F29" s="1" t="s">
        <v>61</v>
      </c>
    </row>
    <row r="30" spans="1:6" x14ac:dyDescent="0.3">
      <c r="A30">
        <v>325612</v>
      </c>
      <c r="B30" t="s">
        <v>98</v>
      </c>
      <c r="C30" t="s">
        <v>60</v>
      </c>
      <c r="D30" s="12">
        <v>1.2170942659381421</v>
      </c>
      <c r="E30" s="12">
        <v>8.9832656541686179E-2</v>
      </c>
      <c r="F30" s="1">
        <v>2</v>
      </c>
    </row>
    <row r="31" spans="1:6" x14ac:dyDescent="0.3">
      <c r="A31">
        <v>325613</v>
      </c>
      <c r="B31" t="s">
        <v>99</v>
      </c>
      <c r="C31" t="s">
        <v>60</v>
      </c>
      <c r="D31" s="12">
        <v>0.94978917913372818</v>
      </c>
      <c r="E31" s="12">
        <v>1.1268147762778279E-2</v>
      </c>
      <c r="F31" s="1" t="s">
        <v>61</v>
      </c>
    </row>
    <row r="32" spans="1:6" x14ac:dyDescent="0.3">
      <c r="A32">
        <v>325920</v>
      </c>
      <c r="B32" t="s">
        <v>100</v>
      </c>
      <c r="C32" t="s">
        <v>62</v>
      </c>
      <c r="D32" s="12">
        <v>2.0008886350700767</v>
      </c>
      <c r="E32" s="12">
        <v>8.9491654407913256E-3</v>
      </c>
      <c r="F32" s="1">
        <v>1</v>
      </c>
    </row>
    <row r="33" spans="1:6" x14ac:dyDescent="0.3">
      <c r="A33">
        <v>325992</v>
      </c>
      <c r="B33" t="s">
        <v>101</v>
      </c>
      <c r="C33" t="s">
        <v>62</v>
      </c>
      <c r="D33" s="12">
        <v>1.9968395825522665</v>
      </c>
      <c r="E33" s="12">
        <v>4.0736402139301096E-2</v>
      </c>
      <c r="F33" s="1">
        <v>2</v>
      </c>
    </row>
    <row r="34" spans="1:6" x14ac:dyDescent="0.3">
      <c r="A34">
        <v>325998</v>
      </c>
      <c r="B34" t="s">
        <v>102</v>
      </c>
      <c r="C34" t="s">
        <v>62</v>
      </c>
      <c r="D34" s="12">
        <v>1.4120137625001556</v>
      </c>
      <c r="E34" s="12">
        <v>0.17529426882249416</v>
      </c>
      <c r="F34" s="1" t="s">
        <v>63</v>
      </c>
    </row>
    <row r="35" spans="1:6" x14ac:dyDescent="0.3">
      <c r="A35">
        <v>326113</v>
      </c>
      <c r="B35" t="s">
        <v>103</v>
      </c>
      <c r="C35" t="s">
        <v>62</v>
      </c>
      <c r="D35" s="12">
        <v>1.0359635962912643</v>
      </c>
      <c r="E35" s="12">
        <v>4.4703798532700061E-2</v>
      </c>
      <c r="F35" s="1" t="s">
        <v>63</v>
      </c>
    </row>
    <row r="36" spans="1:6" x14ac:dyDescent="0.3">
      <c r="A36">
        <v>326121</v>
      </c>
      <c r="B36" t="s">
        <v>104</v>
      </c>
      <c r="C36" t="s">
        <v>60</v>
      </c>
      <c r="D36" s="12">
        <v>0.95089207673696718</v>
      </c>
      <c r="E36" s="12">
        <v>8.6433199363607521E-2</v>
      </c>
      <c r="F36" s="1" t="s">
        <v>61</v>
      </c>
    </row>
    <row r="37" spans="1:6" x14ac:dyDescent="0.3">
      <c r="A37">
        <v>326199</v>
      </c>
      <c r="B37" t="s">
        <v>105</v>
      </c>
      <c r="C37" t="s">
        <v>60</v>
      </c>
      <c r="D37" s="12">
        <v>0.50783921720099012</v>
      </c>
      <c r="E37" s="12">
        <v>0.75841735837277058</v>
      </c>
      <c r="F37" s="1">
        <v>4</v>
      </c>
    </row>
    <row r="38" spans="1:6" x14ac:dyDescent="0.3">
      <c r="A38">
        <v>326211</v>
      </c>
      <c r="B38" t="s">
        <v>106</v>
      </c>
      <c r="C38" t="s">
        <v>62</v>
      </c>
      <c r="D38" s="12">
        <v>0.56329843182524464</v>
      </c>
      <c r="E38" s="12">
        <v>0.2074679082870349</v>
      </c>
      <c r="F38" s="1">
        <v>4</v>
      </c>
    </row>
    <row r="39" spans="1:6" x14ac:dyDescent="0.3">
      <c r="A39">
        <v>326220</v>
      </c>
      <c r="B39" t="s">
        <v>107</v>
      </c>
      <c r="C39" t="s">
        <v>60</v>
      </c>
      <c r="D39" s="12">
        <v>0.94828974616459338</v>
      </c>
      <c r="E39" s="12">
        <v>0.15006805701438214</v>
      </c>
      <c r="F39" s="1" t="s">
        <v>61</v>
      </c>
    </row>
    <row r="40" spans="1:6" x14ac:dyDescent="0.3">
      <c r="A40">
        <v>326291</v>
      </c>
      <c r="B40" t="s">
        <v>108</v>
      </c>
      <c r="C40" t="s">
        <v>62</v>
      </c>
      <c r="D40" s="12">
        <v>0.82980271572852027</v>
      </c>
      <c r="E40" s="12">
        <v>0.23082862161431589</v>
      </c>
      <c r="F40" s="1" t="s">
        <v>61</v>
      </c>
    </row>
    <row r="41" spans="1:6" x14ac:dyDescent="0.3">
      <c r="A41">
        <v>327211</v>
      </c>
      <c r="B41" t="s">
        <v>109</v>
      </c>
      <c r="C41" t="s">
        <v>62</v>
      </c>
      <c r="D41" s="12">
        <v>0.45527337652069394</v>
      </c>
      <c r="E41" s="12">
        <v>6.1777030182129357E-2</v>
      </c>
      <c r="F41" s="1" t="s">
        <v>61</v>
      </c>
    </row>
    <row r="42" spans="1:6" x14ac:dyDescent="0.3">
      <c r="A42">
        <v>327212</v>
      </c>
      <c r="B42" t="s">
        <v>110</v>
      </c>
      <c r="C42" t="s">
        <v>62</v>
      </c>
      <c r="D42" s="12">
        <v>1.0267571093056986</v>
      </c>
      <c r="E42" s="12">
        <v>0.42649723895932595</v>
      </c>
      <c r="F42" s="1" t="s">
        <v>63</v>
      </c>
    </row>
    <row r="43" spans="1:6" x14ac:dyDescent="0.3">
      <c r="A43">
        <v>327215</v>
      </c>
      <c r="B43" t="s">
        <v>111</v>
      </c>
      <c r="C43" t="s">
        <v>60</v>
      </c>
      <c r="D43" s="12">
        <v>0.81578573055223347</v>
      </c>
      <c r="E43" s="12">
        <v>0.44675226154910402</v>
      </c>
      <c r="F43" s="1" t="s">
        <v>61</v>
      </c>
    </row>
    <row r="44" spans="1:6" x14ac:dyDescent="0.3">
      <c r="A44">
        <v>327390</v>
      </c>
      <c r="B44" t="s">
        <v>112</v>
      </c>
      <c r="C44" t="s">
        <v>62</v>
      </c>
      <c r="D44" s="12">
        <v>0.21591035687068741</v>
      </c>
      <c r="E44" s="12">
        <v>0.13123202418649829</v>
      </c>
      <c r="F44" s="1" t="s">
        <v>61</v>
      </c>
    </row>
    <row r="45" spans="1:6" x14ac:dyDescent="0.3">
      <c r="A45">
        <v>327410</v>
      </c>
      <c r="B45" t="s">
        <v>113</v>
      </c>
      <c r="C45" t="s">
        <v>62</v>
      </c>
      <c r="D45" s="12">
        <v>0.41458354279342952</v>
      </c>
      <c r="E45" s="12">
        <v>4.5115037346037884E-3</v>
      </c>
      <c r="F45" s="1" t="s">
        <v>61</v>
      </c>
    </row>
    <row r="46" spans="1:6" x14ac:dyDescent="0.3">
      <c r="A46">
        <v>327910</v>
      </c>
      <c r="B46" t="s">
        <v>114</v>
      </c>
      <c r="C46" t="s">
        <v>62</v>
      </c>
      <c r="D46" s="12">
        <v>1.0804888119250124</v>
      </c>
      <c r="E46" s="12">
        <v>0.20692939559394791</v>
      </c>
      <c r="F46" s="1" t="s">
        <v>63</v>
      </c>
    </row>
    <row r="47" spans="1:6" x14ac:dyDescent="0.3">
      <c r="A47">
        <v>327991</v>
      </c>
      <c r="B47" t="s">
        <v>115</v>
      </c>
      <c r="C47" t="s">
        <v>60</v>
      </c>
      <c r="D47" s="12">
        <v>0.12777368858525165</v>
      </c>
      <c r="E47" s="12">
        <v>0.24443136289347356</v>
      </c>
      <c r="F47" s="1">
        <v>4</v>
      </c>
    </row>
    <row r="48" spans="1:6" x14ac:dyDescent="0.3">
      <c r="A48">
        <v>327992</v>
      </c>
      <c r="B48" t="s">
        <v>116</v>
      </c>
      <c r="C48" t="s">
        <v>62</v>
      </c>
      <c r="D48" s="12">
        <v>0.84905217375203168</v>
      </c>
      <c r="E48" s="12">
        <v>0.32734877559643322</v>
      </c>
      <c r="F48" s="1" t="s">
        <v>61</v>
      </c>
    </row>
    <row r="49" spans="1:6" x14ac:dyDescent="0.3">
      <c r="A49">
        <v>327993</v>
      </c>
      <c r="B49" t="s">
        <v>117</v>
      </c>
      <c r="C49" t="s">
        <v>62</v>
      </c>
      <c r="D49" s="12">
        <v>1.1924146039763528</v>
      </c>
      <c r="E49" s="12">
        <v>6.8134563870976175E-2</v>
      </c>
      <c r="F49" s="1" t="s">
        <v>63</v>
      </c>
    </row>
    <row r="50" spans="1:6" x14ac:dyDescent="0.3">
      <c r="A50">
        <v>327999</v>
      </c>
      <c r="B50" t="s">
        <v>118</v>
      </c>
      <c r="C50" t="s">
        <v>62</v>
      </c>
      <c r="D50" s="12">
        <v>0.70997241247538656</v>
      </c>
      <c r="E50" s="12">
        <v>0.21259793165692023</v>
      </c>
      <c r="F50" s="1">
        <v>4</v>
      </c>
    </row>
    <row r="51" spans="1:6" x14ac:dyDescent="0.3">
      <c r="A51">
        <v>331110</v>
      </c>
      <c r="B51" t="s">
        <v>119</v>
      </c>
      <c r="C51" t="s">
        <v>62</v>
      </c>
      <c r="D51" s="12">
        <v>0.52985938073644989</v>
      </c>
      <c r="E51" s="12">
        <v>3.074309058852618E-2</v>
      </c>
      <c r="F51" s="1" t="s">
        <v>61</v>
      </c>
    </row>
    <row r="52" spans="1:6" x14ac:dyDescent="0.3">
      <c r="A52">
        <v>331210</v>
      </c>
      <c r="B52" t="s">
        <v>120</v>
      </c>
      <c r="C52" t="s">
        <v>62</v>
      </c>
      <c r="D52" s="12">
        <v>0.18270970223873481</v>
      </c>
      <c r="E52" s="12">
        <v>3.140679582222727E-3</v>
      </c>
      <c r="F52" s="1" t="s">
        <v>61</v>
      </c>
    </row>
    <row r="53" spans="1:6" x14ac:dyDescent="0.3">
      <c r="A53">
        <v>331221</v>
      </c>
      <c r="B53" t="s">
        <v>121</v>
      </c>
      <c r="C53" t="s">
        <v>62</v>
      </c>
      <c r="D53" s="12">
        <v>0.97034771048799495</v>
      </c>
      <c r="E53" s="12">
        <v>6.5364249130567487E-2</v>
      </c>
      <c r="F53" s="1" t="s">
        <v>61</v>
      </c>
    </row>
    <row r="54" spans="1:6" x14ac:dyDescent="0.3">
      <c r="A54">
        <v>331313</v>
      </c>
      <c r="B54" t="s">
        <v>122</v>
      </c>
      <c r="C54" t="s">
        <v>62</v>
      </c>
      <c r="D54" s="12">
        <v>0.23863470809692303</v>
      </c>
      <c r="E54" s="12">
        <v>9.060905249145601E-3</v>
      </c>
      <c r="F54" s="1" t="s">
        <v>61</v>
      </c>
    </row>
    <row r="55" spans="1:6" x14ac:dyDescent="0.3">
      <c r="A55">
        <v>331314</v>
      </c>
      <c r="B55" t="s">
        <v>123</v>
      </c>
      <c r="C55" t="s">
        <v>62</v>
      </c>
      <c r="D55" s="12">
        <v>1.8121258109761644</v>
      </c>
      <c r="E55" s="12">
        <v>5.1048463383644799E-2</v>
      </c>
      <c r="F55" s="1">
        <v>2</v>
      </c>
    </row>
    <row r="56" spans="1:6" x14ac:dyDescent="0.3">
      <c r="A56">
        <v>331315</v>
      </c>
      <c r="B56" t="s">
        <v>124</v>
      </c>
      <c r="C56" t="s">
        <v>62</v>
      </c>
      <c r="D56" s="12">
        <v>0.50671201108698649</v>
      </c>
      <c r="E56" s="12">
        <v>5.3751752976208308E-2</v>
      </c>
      <c r="F56" s="1" t="s">
        <v>61</v>
      </c>
    </row>
    <row r="57" spans="1:6" x14ac:dyDescent="0.3">
      <c r="A57">
        <v>331410</v>
      </c>
      <c r="B57" t="s">
        <v>125</v>
      </c>
      <c r="C57" t="s">
        <v>60</v>
      </c>
      <c r="D57" s="12">
        <v>0.98394255897663163</v>
      </c>
      <c r="E57" s="12">
        <v>0.13734289094446434</v>
      </c>
      <c r="F57" s="1" t="s">
        <v>61</v>
      </c>
    </row>
    <row r="58" spans="1:6" x14ac:dyDescent="0.3">
      <c r="A58">
        <v>331491</v>
      </c>
      <c r="B58" t="s">
        <v>126</v>
      </c>
      <c r="C58" t="s">
        <v>60</v>
      </c>
      <c r="D58" s="12">
        <v>1.573827676972025</v>
      </c>
      <c r="E58" s="12">
        <v>9.7401009499492416E-2</v>
      </c>
      <c r="F58" s="1">
        <v>2</v>
      </c>
    </row>
    <row r="59" spans="1:6" x14ac:dyDescent="0.3">
      <c r="A59">
        <v>331492</v>
      </c>
      <c r="B59" t="s">
        <v>127</v>
      </c>
      <c r="C59" t="s">
        <v>60</v>
      </c>
      <c r="D59" s="12">
        <v>1.0368164185816191</v>
      </c>
      <c r="E59" s="12">
        <v>0.33848624171217456</v>
      </c>
      <c r="F59" s="1" t="s">
        <v>63</v>
      </c>
    </row>
    <row r="60" spans="1:6" x14ac:dyDescent="0.3">
      <c r="A60">
        <v>331511</v>
      </c>
      <c r="B60" t="s">
        <v>128</v>
      </c>
      <c r="C60" t="s">
        <v>60</v>
      </c>
      <c r="D60" s="12">
        <v>0.41106115278395255</v>
      </c>
      <c r="E60" s="12">
        <v>0.37329020698320908</v>
      </c>
      <c r="F60" s="1" t="s">
        <v>61</v>
      </c>
    </row>
    <row r="61" spans="1:6" x14ac:dyDescent="0.3">
      <c r="A61">
        <v>331513</v>
      </c>
      <c r="B61" t="s">
        <v>129</v>
      </c>
      <c r="C61" t="s">
        <v>60</v>
      </c>
      <c r="D61" s="12">
        <v>0.41106115278395255</v>
      </c>
      <c r="E61" s="12">
        <v>0.37329020698320908</v>
      </c>
      <c r="F61" s="1" t="s">
        <v>61</v>
      </c>
    </row>
    <row r="62" spans="1:6" x14ac:dyDescent="0.3">
      <c r="A62">
        <v>332119</v>
      </c>
      <c r="B62" t="s">
        <v>130</v>
      </c>
      <c r="C62" t="s">
        <v>60</v>
      </c>
      <c r="D62" s="12">
        <v>0.32857143340110351</v>
      </c>
      <c r="E62" s="12">
        <v>6.2687921252972428E-2</v>
      </c>
      <c r="F62" s="1" t="s">
        <v>61</v>
      </c>
    </row>
    <row r="63" spans="1:6" x14ac:dyDescent="0.3">
      <c r="A63">
        <v>332215</v>
      </c>
      <c r="B63" t="s">
        <v>131</v>
      </c>
      <c r="C63" t="s">
        <v>60</v>
      </c>
      <c r="D63" s="12">
        <v>0.51988792676566187</v>
      </c>
      <c r="E63" s="12">
        <v>1.0749046801621689</v>
      </c>
      <c r="F63" s="1">
        <v>4</v>
      </c>
    </row>
    <row r="64" spans="1:6" x14ac:dyDescent="0.3">
      <c r="A64">
        <v>332311</v>
      </c>
      <c r="B64" t="s">
        <v>132</v>
      </c>
      <c r="C64" t="s">
        <v>60</v>
      </c>
      <c r="D64" s="12">
        <v>0.47978326147637701</v>
      </c>
      <c r="E64" s="12">
        <v>9.7268247904526109E-2</v>
      </c>
      <c r="F64" s="1" t="s">
        <v>61</v>
      </c>
    </row>
    <row r="65" spans="1:6" x14ac:dyDescent="0.3">
      <c r="A65">
        <v>332313</v>
      </c>
      <c r="B65" t="s">
        <v>133</v>
      </c>
      <c r="C65" t="s">
        <v>60</v>
      </c>
      <c r="D65" s="12">
        <v>1.1048921219201546</v>
      </c>
      <c r="E65" s="12">
        <v>3.2595904763892312E-2</v>
      </c>
      <c r="F65" s="1" t="s">
        <v>63</v>
      </c>
    </row>
    <row r="66" spans="1:6" x14ac:dyDescent="0.3">
      <c r="A66">
        <v>332321</v>
      </c>
      <c r="B66" t="s">
        <v>134</v>
      </c>
      <c r="C66" t="s">
        <v>60</v>
      </c>
      <c r="D66" s="12">
        <v>0.37512949754240138</v>
      </c>
      <c r="E66" s="12">
        <v>0.24566862440504858</v>
      </c>
      <c r="F66" s="1">
        <v>4</v>
      </c>
    </row>
    <row r="67" spans="1:6" x14ac:dyDescent="0.3">
      <c r="A67">
        <v>332410</v>
      </c>
      <c r="B67" t="s">
        <v>135</v>
      </c>
      <c r="C67" t="s">
        <v>62</v>
      </c>
      <c r="D67" s="12">
        <v>0.85251557300051395</v>
      </c>
      <c r="E67" s="12">
        <v>5.6087233837262225E-2</v>
      </c>
      <c r="F67" s="1" t="s">
        <v>61</v>
      </c>
    </row>
    <row r="68" spans="1:6" x14ac:dyDescent="0.3">
      <c r="A68">
        <v>332420</v>
      </c>
      <c r="B68" t="s">
        <v>136</v>
      </c>
      <c r="C68" t="s">
        <v>62</v>
      </c>
      <c r="D68" s="12">
        <v>1.1002167137708028</v>
      </c>
      <c r="E68" s="12">
        <v>0.27726237696239775</v>
      </c>
      <c r="F68" s="1" t="s">
        <v>63</v>
      </c>
    </row>
    <row r="69" spans="1:6" x14ac:dyDescent="0.3">
      <c r="A69">
        <v>332431</v>
      </c>
      <c r="B69" t="s">
        <v>137</v>
      </c>
      <c r="C69" t="s">
        <v>60</v>
      </c>
      <c r="D69" s="12">
        <v>0.86574199552916431</v>
      </c>
      <c r="E69" s="12">
        <v>5.7555327263448003E-2</v>
      </c>
      <c r="F69" s="1" t="s">
        <v>61</v>
      </c>
    </row>
    <row r="70" spans="1:6" x14ac:dyDescent="0.3">
      <c r="A70">
        <v>332439</v>
      </c>
      <c r="B70" t="s">
        <v>138</v>
      </c>
      <c r="C70" t="s">
        <v>62</v>
      </c>
      <c r="D70" s="12">
        <v>0.97942032136043888</v>
      </c>
      <c r="E70" s="12">
        <v>0.70850420893018862</v>
      </c>
      <c r="F70" s="1" t="s">
        <v>61</v>
      </c>
    </row>
    <row r="71" spans="1:6" x14ac:dyDescent="0.3">
      <c r="A71">
        <v>332510</v>
      </c>
      <c r="B71" t="s">
        <v>139</v>
      </c>
      <c r="C71" t="s">
        <v>62</v>
      </c>
      <c r="D71" s="12">
        <v>0.73964802227330639</v>
      </c>
      <c r="E71" s="12">
        <v>0.41005532191182087</v>
      </c>
      <c r="F71" s="1">
        <v>4</v>
      </c>
    </row>
    <row r="72" spans="1:6" x14ac:dyDescent="0.3">
      <c r="A72">
        <v>332613</v>
      </c>
      <c r="B72" t="s">
        <v>140</v>
      </c>
      <c r="C72" t="s">
        <v>62</v>
      </c>
      <c r="D72" s="12">
        <v>0.91721150819103503</v>
      </c>
      <c r="E72" s="12">
        <v>9.5307094783384672E-2</v>
      </c>
      <c r="F72" s="1" t="s">
        <v>61</v>
      </c>
    </row>
    <row r="73" spans="1:6" x14ac:dyDescent="0.3">
      <c r="A73">
        <v>332618</v>
      </c>
      <c r="B73" t="s">
        <v>141</v>
      </c>
      <c r="C73" t="s">
        <v>62</v>
      </c>
      <c r="D73" s="12">
        <v>0.6188512176919716</v>
      </c>
      <c r="E73" s="12">
        <v>0.32673242054169016</v>
      </c>
      <c r="F73" s="1">
        <v>4</v>
      </c>
    </row>
    <row r="74" spans="1:6" x14ac:dyDescent="0.3">
      <c r="A74">
        <v>332722</v>
      </c>
      <c r="B74" t="s">
        <v>142</v>
      </c>
      <c r="C74" t="s">
        <v>60</v>
      </c>
      <c r="D74" s="12">
        <v>1.1769540898836086</v>
      </c>
      <c r="E74" s="12">
        <v>0.15800617680804796</v>
      </c>
      <c r="F74" s="1" t="s">
        <v>63</v>
      </c>
    </row>
    <row r="75" spans="1:6" x14ac:dyDescent="0.3">
      <c r="A75">
        <v>332911</v>
      </c>
      <c r="B75" t="s">
        <v>143</v>
      </c>
      <c r="C75" t="s">
        <v>62</v>
      </c>
      <c r="D75" s="12">
        <v>1.4785504974685717</v>
      </c>
      <c r="E75" s="12">
        <v>0.23585194992102956</v>
      </c>
      <c r="F75" s="1" t="s">
        <v>63</v>
      </c>
    </row>
    <row r="76" spans="1:6" x14ac:dyDescent="0.3">
      <c r="A76">
        <v>332912</v>
      </c>
      <c r="B76" t="s">
        <v>144</v>
      </c>
      <c r="C76" t="s">
        <v>60</v>
      </c>
      <c r="D76" s="12">
        <v>1.3061045740548882</v>
      </c>
      <c r="E76" s="12">
        <v>0.21323593100829483</v>
      </c>
      <c r="F76" s="1" t="s">
        <v>63</v>
      </c>
    </row>
    <row r="77" spans="1:6" x14ac:dyDescent="0.3">
      <c r="A77">
        <v>332919</v>
      </c>
      <c r="B77" t="s">
        <v>145</v>
      </c>
      <c r="C77" t="s">
        <v>62</v>
      </c>
      <c r="D77" s="12">
        <v>1.074771472086947</v>
      </c>
      <c r="E77" s="12">
        <v>0.18036090947588598</v>
      </c>
      <c r="F77" s="1" t="s">
        <v>63</v>
      </c>
    </row>
    <row r="78" spans="1:6" x14ac:dyDescent="0.3">
      <c r="A78">
        <v>332991</v>
      </c>
      <c r="B78" t="s">
        <v>146</v>
      </c>
      <c r="C78" t="s">
        <v>62</v>
      </c>
      <c r="D78" s="12">
        <v>0.95303467795723995</v>
      </c>
      <c r="E78" s="12">
        <v>0.12965403409929932</v>
      </c>
      <c r="F78" s="1" t="s">
        <v>61</v>
      </c>
    </row>
    <row r="79" spans="1:6" x14ac:dyDescent="0.3">
      <c r="A79">
        <v>332992</v>
      </c>
      <c r="B79" t="s">
        <v>147</v>
      </c>
      <c r="C79" t="s">
        <v>62</v>
      </c>
      <c r="D79" s="12">
        <v>0.54179242939994132</v>
      </c>
      <c r="E79" s="12">
        <v>4.0193267292172052E-5</v>
      </c>
      <c r="F79" s="1" t="s">
        <v>61</v>
      </c>
    </row>
    <row r="80" spans="1:6" x14ac:dyDescent="0.3">
      <c r="A80">
        <v>332993</v>
      </c>
      <c r="B80" t="s">
        <v>148</v>
      </c>
      <c r="C80" t="s">
        <v>1</v>
      </c>
      <c r="D80" s="12">
        <v>5.1089271028663088</v>
      </c>
      <c r="E80" s="12">
        <v>4.1235774209310277E-3</v>
      </c>
      <c r="F80" s="1">
        <v>1</v>
      </c>
    </row>
    <row r="81" spans="1:6" x14ac:dyDescent="0.3">
      <c r="A81">
        <v>332994</v>
      </c>
      <c r="B81" t="s">
        <v>149</v>
      </c>
      <c r="C81" t="s">
        <v>62</v>
      </c>
      <c r="D81" s="12">
        <v>1.9292179427348146</v>
      </c>
      <c r="E81" s="12">
        <v>0.39182153641969703</v>
      </c>
      <c r="F81" s="1" t="s">
        <v>63</v>
      </c>
    </row>
    <row r="82" spans="1:6" x14ac:dyDescent="0.3">
      <c r="A82">
        <v>332999</v>
      </c>
      <c r="B82" t="s">
        <v>150</v>
      </c>
      <c r="C82" t="s">
        <v>62</v>
      </c>
      <c r="D82" s="12">
        <v>0.70961309473111789</v>
      </c>
      <c r="E82" s="12">
        <v>0.48888241541147937</v>
      </c>
      <c r="F82" s="1">
        <v>4</v>
      </c>
    </row>
    <row r="83" spans="1:6" x14ac:dyDescent="0.3">
      <c r="A83">
        <v>333111</v>
      </c>
      <c r="B83" t="s">
        <v>151</v>
      </c>
      <c r="C83" t="s">
        <v>62</v>
      </c>
      <c r="D83" s="12">
        <v>1.0119296161613118</v>
      </c>
      <c r="E83" s="12">
        <v>6.8890050967616107E-2</v>
      </c>
      <c r="F83" s="1" t="s">
        <v>63</v>
      </c>
    </row>
    <row r="84" spans="1:6" x14ac:dyDescent="0.3">
      <c r="A84">
        <v>333120</v>
      </c>
      <c r="B84" t="s">
        <v>152</v>
      </c>
      <c r="C84" t="s">
        <v>62</v>
      </c>
      <c r="D84" s="12">
        <v>1.0846538607179026</v>
      </c>
      <c r="E84" s="12">
        <v>0.11735954172057847</v>
      </c>
      <c r="F84" s="1" t="s">
        <v>63</v>
      </c>
    </row>
    <row r="85" spans="1:6" x14ac:dyDescent="0.3">
      <c r="A85">
        <v>333131</v>
      </c>
      <c r="B85" t="s">
        <v>153</v>
      </c>
      <c r="C85" t="s">
        <v>62</v>
      </c>
      <c r="D85" s="12">
        <v>1.3121341614121806</v>
      </c>
      <c r="E85" s="12">
        <v>9.1444612148715534E-2</v>
      </c>
      <c r="F85" s="1">
        <v>2</v>
      </c>
    </row>
    <row r="86" spans="1:6" x14ac:dyDescent="0.3">
      <c r="A86">
        <v>333132</v>
      </c>
      <c r="B86" t="s">
        <v>154</v>
      </c>
      <c r="C86" t="s">
        <v>60</v>
      </c>
      <c r="D86" s="12">
        <v>2.091963692336023</v>
      </c>
      <c r="E86" s="12">
        <v>0.11961552719375193</v>
      </c>
      <c r="F86" s="1" t="s">
        <v>63</v>
      </c>
    </row>
    <row r="87" spans="1:6" x14ac:dyDescent="0.3">
      <c r="A87">
        <v>333241</v>
      </c>
      <c r="B87" t="s">
        <v>155</v>
      </c>
      <c r="C87" t="s">
        <v>62</v>
      </c>
      <c r="D87" s="12">
        <v>0.60773390739613464</v>
      </c>
      <c r="E87" s="12">
        <v>0.10040413328406228</v>
      </c>
      <c r="F87" s="1" t="s">
        <v>61</v>
      </c>
    </row>
    <row r="88" spans="1:6" x14ac:dyDescent="0.3">
      <c r="A88">
        <v>333242</v>
      </c>
      <c r="B88" t="s">
        <v>156</v>
      </c>
      <c r="C88" t="s">
        <v>62</v>
      </c>
      <c r="D88" s="12">
        <v>1.0251986457790947</v>
      </c>
      <c r="E88" s="12">
        <v>9.3525504341910828E-2</v>
      </c>
      <c r="F88" s="1" t="s">
        <v>63</v>
      </c>
    </row>
    <row r="89" spans="1:6" x14ac:dyDescent="0.3">
      <c r="A89">
        <v>333243</v>
      </c>
      <c r="B89" t="s">
        <v>157</v>
      </c>
      <c r="C89" t="s">
        <v>60</v>
      </c>
      <c r="D89" s="12">
        <v>0.53254012071950896</v>
      </c>
      <c r="E89" s="12">
        <v>0.17167263669042304</v>
      </c>
      <c r="F89" s="1">
        <v>4</v>
      </c>
    </row>
    <row r="90" spans="1:6" x14ac:dyDescent="0.3">
      <c r="A90">
        <v>333244</v>
      </c>
      <c r="B90" t="s">
        <v>158</v>
      </c>
      <c r="C90" t="s">
        <v>60</v>
      </c>
      <c r="D90" s="12">
        <v>0.59861883516476211</v>
      </c>
      <c r="E90" s="12">
        <v>9.0976295304962373E-2</v>
      </c>
      <c r="F90" s="1" t="s">
        <v>61</v>
      </c>
    </row>
    <row r="91" spans="1:6" x14ac:dyDescent="0.3">
      <c r="A91">
        <v>333249</v>
      </c>
      <c r="B91" t="s">
        <v>159</v>
      </c>
      <c r="C91" t="s">
        <v>62</v>
      </c>
      <c r="D91" s="12">
        <v>0.49675367085115812</v>
      </c>
      <c r="E91" s="12">
        <v>0.11065452397598713</v>
      </c>
      <c r="F91" s="1" t="s">
        <v>61</v>
      </c>
    </row>
    <row r="92" spans="1:6" x14ac:dyDescent="0.3">
      <c r="A92">
        <v>333314</v>
      </c>
      <c r="B92" t="s">
        <v>160</v>
      </c>
      <c r="C92" t="s">
        <v>62</v>
      </c>
      <c r="D92" s="12">
        <v>1.2943768253475132</v>
      </c>
      <c r="E92" s="12">
        <v>0.30865343320752869</v>
      </c>
      <c r="F92" s="1" t="s">
        <v>63</v>
      </c>
    </row>
    <row r="93" spans="1:6" x14ac:dyDescent="0.3">
      <c r="A93">
        <v>333316</v>
      </c>
      <c r="B93" t="s">
        <v>161</v>
      </c>
      <c r="C93" t="s">
        <v>62</v>
      </c>
      <c r="D93" s="12">
        <v>1.0858689439879674</v>
      </c>
      <c r="E93" s="12">
        <v>0.39709422512440035</v>
      </c>
      <c r="F93" s="1" t="s">
        <v>63</v>
      </c>
    </row>
    <row r="94" spans="1:6" x14ac:dyDescent="0.3">
      <c r="A94">
        <v>333318</v>
      </c>
      <c r="B94" t="s">
        <v>162</v>
      </c>
      <c r="C94" t="s">
        <v>62</v>
      </c>
      <c r="D94" s="12">
        <v>1.2199076378815772</v>
      </c>
      <c r="E94" s="12">
        <v>0.22680741572484669</v>
      </c>
      <c r="F94" s="1" t="s">
        <v>63</v>
      </c>
    </row>
    <row r="95" spans="1:6" x14ac:dyDescent="0.3">
      <c r="A95">
        <v>333413</v>
      </c>
      <c r="B95" t="s">
        <v>163</v>
      </c>
      <c r="C95" t="s">
        <v>62</v>
      </c>
      <c r="D95" s="12">
        <v>0.97124793191429448</v>
      </c>
      <c r="E95" s="12">
        <v>0.20651525202992227</v>
      </c>
      <c r="F95" s="1" t="s">
        <v>61</v>
      </c>
    </row>
    <row r="96" spans="1:6" x14ac:dyDescent="0.3">
      <c r="A96">
        <v>333414</v>
      </c>
      <c r="B96" t="s">
        <v>164</v>
      </c>
      <c r="C96" t="s">
        <v>62</v>
      </c>
      <c r="D96" s="12">
        <v>0.67261135139228756</v>
      </c>
      <c r="E96" s="12">
        <v>0.1138752517741458</v>
      </c>
      <c r="F96" s="1" t="s">
        <v>61</v>
      </c>
    </row>
    <row r="97" spans="1:6" x14ac:dyDescent="0.3">
      <c r="A97">
        <v>333415</v>
      </c>
      <c r="B97" t="s">
        <v>165</v>
      </c>
      <c r="C97" t="s">
        <v>62</v>
      </c>
      <c r="D97" s="12">
        <v>0.81442311154633062</v>
      </c>
      <c r="E97" s="12">
        <v>0.20724188006570318</v>
      </c>
      <c r="F97" s="1" t="s">
        <v>61</v>
      </c>
    </row>
    <row r="98" spans="1:6" x14ac:dyDescent="0.3">
      <c r="A98">
        <v>333511</v>
      </c>
      <c r="B98" t="s">
        <v>166</v>
      </c>
      <c r="C98" t="s">
        <v>62</v>
      </c>
      <c r="D98" s="12">
        <v>0.76640046305229881</v>
      </c>
      <c r="E98" s="12">
        <v>0.17667374365810384</v>
      </c>
      <c r="F98" s="1">
        <v>4</v>
      </c>
    </row>
    <row r="99" spans="1:6" x14ac:dyDescent="0.3">
      <c r="A99">
        <v>333514</v>
      </c>
      <c r="B99" t="s">
        <v>167</v>
      </c>
      <c r="C99" t="s">
        <v>62</v>
      </c>
      <c r="D99" s="12">
        <v>1.0324213871745307</v>
      </c>
      <c r="E99" s="12">
        <v>0.10533975055464047</v>
      </c>
      <c r="F99" s="1" t="s">
        <v>63</v>
      </c>
    </row>
    <row r="100" spans="1:6" x14ac:dyDescent="0.3">
      <c r="A100">
        <v>333515</v>
      </c>
      <c r="B100" t="s">
        <v>168</v>
      </c>
      <c r="C100" t="s">
        <v>62</v>
      </c>
      <c r="D100" s="12">
        <v>0.82946360840072797</v>
      </c>
      <c r="E100" s="12">
        <v>0.1283547315439329</v>
      </c>
      <c r="F100" s="1" t="s">
        <v>61</v>
      </c>
    </row>
    <row r="101" spans="1:6" x14ac:dyDescent="0.3">
      <c r="A101">
        <v>333517</v>
      </c>
      <c r="B101" t="s">
        <v>169</v>
      </c>
      <c r="C101" t="s">
        <v>62</v>
      </c>
      <c r="D101" s="12">
        <v>0.76017108041152515</v>
      </c>
      <c r="E101" s="12">
        <v>9.0282241518540238E-2</v>
      </c>
      <c r="F101" s="1" t="s">
        <v>61</v>
      </c>
    </row>
    <row r="102" spans="1:6" x14ac:dyDescent="0.3">
      <c r="A102">
        <v>333519</v>
      </c>
      <c r="B102" t="s">
        <v>170</v>
      </c>
      <c r="C102" t="s">
        <v>62</v>
      </c>
      <c r="D102" s="12">
        <v>0.39137482656022043</v>
      </c>
      <c r="E102" s="12">
        <v>8.4195369988504049E-2</v>
      </c>
      <c r="F102" s="1" t="s">
        <v>61</v>
      </c>
    </row>
    <row r="103" spans="1:6" x14ac:dyDescent="0.3">
      <c r="A103">
        <v>333611</v>
      </c>
      <c r="B103" t="s">
        <v>171</v>
      </c>
      <c r="C103" t="s">
        <v>62</v>
      </c>
      <c r="D103" s="12">
        <v>1.0029087954108538</v>
      </c>
      <c r="E103" s="12">
        <v>3.8876400975783112E-2</v>
      </c>
      <c r="F103" s="1" t="s">
        <v>63</v>
      </c>
    </row>
    <row r="104" spans="1:6" x14ac:dyDescent="0.3">
      <c r="A104">
        <v>333612</v>
      </c>
      <c r="B104" t="s">
        <v>172</v>
      </c>
      <c r="C104" t="s">
        <v>62</v>
      </c>
      <c r="D104" s="12">
        <v>0.81258414782831934</v>
      </c>
      <c r="E104" s="12">
        <v>0.21081492655723905</v>
      </c>
      <c r="F104" s="1" t="s">
        <v>61</v>
      </c>
    </row>
    <row r="105" spans="1:6" x14ac:dyDescent="0.3">
      <c r="A105">
        <v>333613</v>
      </c>
      <c r="B105" t="s">
        <v>173</v>
      </c>
      <c r="C105" t="s">
        <v>62</v>
      </c>
      <c r="D105" s="12">
        <v>1.2317729543163951</v>
      </c>
      <c r="E105" s="12">
        <v>0.14495513154965267</v>
      </c>
      <c r="F105" s="1" t="s">
        <v>63</v>
      </c>
    </row>
    <row r="106" spans="1:6" x14ac:dyDescent="0.3">
      <c r="A106">
        <v>333618</v>
      </c>
      <c r="B106" t="s">
        <v>174</v>
      </c>
      <c r="C106" t="s">
        <v>62</v>
      </c>
      <c r="D106" s="12">
        <v>1.1682275573417751</v>
      </c>
      <c r="E106" s="12">
        <v>0.10699453250734262</v>
      </c>
      <c r="F106" s="1" t="s">
        <v>63</v>
      </c>
    </row>
    <row r="107" spans="1:6" x14ac:dyDescent="0.3">
      <c r="A107">
        <v>333912</v>
      </c>
      <c r="B107" t="s">
        <v>175</v>
      </c>
      <c r="C107" t="s">
        <v>62</v>
      </c>
      <c r="D107" s="12">
        <v>0.98158174330800707</v>
      </c>
      <c r="E107" s="12">
        <v>0.26197381514346602</v>
      </c>
      <c r="F107" s="1" t="s">
        <v>61</v>
      </c>
    </row>
    <row r="108" spans="1:6" x14ac:dyDescent="0.3">
      <c r="A108">
        <v>333921</v>
      </c>
      <c r="B108" t="s">
        <v>176</v>
      </c>
      <c r="C108" t="s">
        <v>62</v>
      </c>
      <c r="D108" s="12">
        <v>0.36436160332384704</v>
      </c>
      <c r="E108" s="12">
        <v>0.17439176641084608</v>
      </c>
      <c r="F108" s="1">
        <v>4</v>
      </c>
    </row>
    <row r="109" spans="1:6" x14ac:dyDescent="0.3">
      <c r="A109">
        <v>333922</v>
      </c>
      <c r="B109" t="s">
        <v>177</v>
      </c>
      <c r="C109" t="s">
        <v>60</v>
      </c>
      <c r="D109" s="12">
        <v>0.72639500449951466</v>
      </c>
      <c r="E109" s="12">
        <v>8.0055384140469185E-2</v>
      </c>
      <c r="F109" s="1" t="s">
        <v>61</v>
      </c>
    </row>
    <row r="110" spans="1:6" x14ac:dyDescent="0.3">
      <c r="A110">
        <v>333923</v>
      </c>
      <c r="B110" t="s">
        <v>178</v>
      </c>
      <c r="C110" t="s">
        <v>60</v>
      </c>
      <c r="D110" s="12">
        <v>0.71229264368361855</v>
      </c>
      <c r="E110" s="12">
        <v>0.29991460875889914</v>
      </c>
      <c r="F110" s="1">
        <v>4</v>
      </c>
    </row>
    <row r="111" spans="1:6" x14ac:dyDescent="0.3">
      <c r="A111">
        <v>333924</v>
      </c>
      <c r="B111" t="s">
        <v>179</v>
      </c>
      <c r="C111" t="s">
        <v>62</v>
      </c>
      <c r="D111" s="12">
        <v>1.0308213253788807</v>
      </c>
      <c r="E111" s="12">
        <v>0.32035870436045266</v>
      </c>
      <c r="F111" s="1" t="s">
        <v>63</v>
      </c>
    </row>
    <row r="112" spans="1:6" x14ac:dyDescent="0.3">
      <c r="A112">
        <v>333991</v>
      </c>
      <c r="B112" t="s">
        <v>180</v>
      </c>
      <c r="C112" t="s">
        <v>60</v>
      </c>
      <c r="D112" s="12">
        <v>0.70532124466792989</v>
      </c>
      <c r="E112" s="12">
        <v>0.43308448206121686</v>
      </c>
      <c r="F112" s="1">
        <v>4</v>
      </c>
    </row>
    <row r="113" spans="1:6" x14ac:dyDescent="0.3">
      <c r="A113">
        <v>333992</v>
      </c>
      <c r="B113" t="s">
        <v>181</v>
      </c>
      <c r="C113" t="s">
        <v>62</v>
      </c>
      <c r="D113" s="12">
        <v>0.95143706733828748</v>
      </c>
      <c r="E113" s="12">
        <v>0.11640909821110784</v>
      </c>
      <c r="F113" s="1" t="s">
        <v>61</v>
      </c>
    </row>
    <row r="114" spans="1:6" x14ac:dyDescent="0.3">
      <c r="A114">
        <v>333993</v>
      </c>
      <c r="B114" t="s">
        <v>182</v>
      </c>
      <c r="C114" t="s">
        <v>62</v>
      </c>
      <c r="D114" s="12">
        <v>0.41156226878145769</v>
      </c>
      <c r="E114" s="12">
        <v>5.1083832121989782E-2</v>
      </c>
      <c r="F114" s="1" t="s">
        <v>61</v>
      </c>
    </row>
    <row r="115" spans="1:6" x14ac:dyDescent="0.3">
      <c r="A115">
        <v>333994</v>
      </c>
      <c r="B115" t="s">
        <v>183</v>
      </c>
      <c r="C115" t="s">
        <v>62</v>
      </c>
      <c r="D115" s="12">
        <v>1.3997753141053277</v>
      </c>
      <c r="E115" s="12">
        <v>5.5967848664371184E-2</v>
      </c>
      <c r="F115" s="1">
        <v>2</v>
      </c>
    </row>
    <row r="116" spans="1:6" x14ac:dyDescent="0.3">
      <c r="A116">
        <v>333995</v>
      </c>
      <c r="B116" t="s">
        <v>184</v>
      </c>
      <c r="C116" t="s">
        <v>60</v>
      </c>
      <c r="D116" s="12">
        <v>1.2662839693777652</v>
      </c>
      <c r="E116" s="12">
        <v>0.18644928430288712</v>
      </c>
      <c r="F116" s="1" t="s">
        <v>63</v>
      </c>
    </row>
    <row r="117" spans="1:6" x14ac:dyDescent="0.3">
      <c r="A117">
        <v>333996</v>
      </c>
      <c r="B117" t="s">
        <v>185</v>
      </c>
      <c r="C117" t="s">
        <v>62</v>
      </c>
      <c r="D117" s="12">
        <v>1.7219016274578807</v>
      </c>
      <c r="E117" s="12">
        <v>0.18676994332781385</v>
      </c>
      <c r="F117" s="1" t="s">
        <v>63</v>
      </c>
    </row>
    <row r="118" spans="1:6" x14ac:dyDescent="0.3">
      <c r="A118">
        <v>333997</v>
      </c>
      <c r="B118" t="s">
        <v>186</v>
      </c>
      <c r="C118" t="s">
        <v>62</v>
      </c>
      <c r="D118" s="12">
        <v>0.86632014749017117</v>
      </c>
      <c r="E118" s="12">
        <v>0.45893404552253642</v>
      </c>
      <c r="F118" s="1" t="s">
        <v>61</v>
      </c>
    </row>
    <row r="119" spans="1:6" x14ac:dyDescent="0.3">
      <c r="A119">
        <v>333999</v>
      </c>
      <c r="B119" t="s">
        <v>187</v>
      </c>
      <c r="C119" t="s">
        <v>62</v>
      </c>
      <c r="D119" s="12">
        <v>0.77635194081413539</v>
      </c>
      <c r="E119" s="12">
        <v>0.19080721834544337</v>
      </c>
      <c r="F119" s="1">
        <v>4</v>
      </c>
    </row>
    <row r="120" spans="1:6" x14ac:dyDescent="0.3">
      <c r="A120">
        <v>334111</v>
      </c>
      <c r="B120" t="s">
        <v>188</v>
      </c>
      <c r="C120" t="s">
        <v>62</v>
      </c>
      <c r="D120" s="12">
        <v>0.77094709971058462</v>
      </c>
      <c r="E120" s="12">
        <v>0.75146848566123647</v>
      </c>
      <c r="F120" s="1">
        <v>4</v>
      </c>
    </row>
    <row r="121" spans="1:6" x14ac:dyDescent="0.3">
      <c r="A121">
        <v>334112</v>
      </c>
      <c r="B121" t="s">
        <v>189</v>
      </c>
      <c r="C121" t="s">
        <v>62</v>
      </c>
      <c r="D121" s="12">
        <v>1.0101558109311579</v>
      </c>
      <c r="E121" s="12">
        <v>2.6383723030234674E-2</v>
      </c>
      <c r="F121" s="1" t="s">
        <v>63</v>
      </c>
    </row>
    <row r="122" spans="1:6" x14ac:dyDescent="0.3">
      <c r="A122">
        <v>334118</v>
      </c>
      <c r="B122" t="s">
        <v>190</v>
      </c>
      <c r="C122" t="s">
        <v>62</v>
      </c>
      <c r="D122" s="12">
        <v>1.111946756142481</v>
      </c>
      <c r="E122" s="12">
        <v>0.36015312010747019</v>
      </c>
      <c r="F122" s="1" t="s">
        <v>63</v>
      </c>
    </row>
    <row r="123" spans="1:6" x14ac:dyDescent="0.3">
      <c r="A123">
        <v>334210</v>
      </c>
      <c r="B123" t="s">
        <v>191</v>
      </c>
      <c r="C123" t="s">
        <v>62</v>
      </c>
      <c r="D123" s="12">
        <v>1.1821253434552543</v>
      </c>
      <c r="E123" s="12">
        <v>0.43690787621044241</v>
      </c>
      <c r="F123" s="1" t="s">
        <v>63</v>
      </c>
    </row>
    <row r="124" spans="1:6" x14ac:dyDescent="0.3">
      <c r="A124">
        <v>334220</v>
      </c>
      <c r="B124" t="s">
        <v>192</v>
      </c>
      <c r="C124" t="s">
        <v>62</v>
      </c>
      <c r="D124" s="12">
        <v>1.4000506262349428</v>
      </c>
      <c r="E124" s="12">
        <v>0.43125108923858368</v>
      </c>
      <c r="F124" s="1" t="s">
        <v>63</v>
      </c>
    </row>
    <row r="125" spans="1:6" x14ac:dyDescent="0.3">
      <c r="A125">
        <v>334290</v>
      </c>
      <c r="B125" t="s">
        <v>193</v>
      </c>
      <c r="C125" t="s">
        <v>62</v>
      </c>
      <c r="D125" s="12">
        <v>1.0824250731327498</v>
      </c>
      <c r="E125" s="12">
        <v>0.3284138886574644</v>
      </c>
      <c r="F125" s="1" t="s">
        <v>63</v>
      </c>
    </row>
    <row r="126" spans="1:6" x14ac:dyDescent="0.3">
      <c r="A126">
        <v>334310</v>
      </c>
      <c r="B126" t="s">
        <v>194</v>
      </c>
      <c r="C126" t="s">
        <v>62</v>
      </c>
      <c r="D126" s="12">
        <v>0.76859806739732028</v>
      </c>
      <c r="E126" s="12">
        <v>0.60920656232053971</v>
      </c>
      <c r="F126" s="1">
        <v>4</v>
      </c>
    </row>
    <row r="127" spans="1:6" x14ac:dyDescent="0.3">
      <c r="A127">
        <v>334412</v>
      </c>
      <c r="B127" t="s">
        <v>195</v>
      </c>
      <c r="C127" t="s">
        <v>62</v>
      </c>
      <c r="D127" s="12">
        <v>0.23045792533571474</v>
      </c>
      <c r="E127" s="12">
        <v>0.11389309026734082</v>
      </c>
      <c r="F127" s="1" t="s">
        <v>61</v>
      </c>
    </row>
    <row r="128" spans="1:6" x14ac:dyDescent="0.3">
      <c r="A128">
        <v>334413</v>
      </c>
      <c r="B128" t="s">
        <v>196</v>
      </c>
      <c r="C128" t="s">
        <v>62</v>
      </c>
      <c r="D128" s="12">
        <v>0.55856683758165759</v>
      </c>
      <c r="E128" s="12">
        <v>4.9588050614335875E-2</v>
      </c>
      <c r="F128" s="1" t="s">
        <v>61</v>
      </c>
    </row>
    <row r="129" spans="1:6" x14ac:dyDescent="0.3">
      <c r="A129">
        <v>334416</v>
      </c>
      <c r="B129" t="s">
        <v>197</v>
      </c>
      <c r="C129" t="s">
        <v>60</v>
      </c>
      <c r="D129" s="12">
        <v>1.0983091006352947</v>
      </c>
      <c r="E129" s="12">
        <v>0.10414564775971889</v>
      </c>
      <c r="F129" s="1" t="s">
        <v>63</v>
      </c>
    </row>
    <row r="130" spans="1:6" x14ac:dyDescent="0.3">
      <c r="A130">
        <v>334417</v>
      </c>
      <c r="B130" t="s">
        <v>198</v>
      </c>
      <c r="C130" t="s">
        <v>62</v>
      </c>
      <c r="D130" s="12">
        <v>1.3950203829107355</v>
      </c>
      <c r="E130" s="12">
        <v>0.15290765236635814</v>
      </c>
      <c r="F130" s="1" t="s">
        <v>63</v>
      </c>
    </row>
    <row r="131" spans="1:6" x14ac:dyDescent="0.3">
      <c r="A131">
        <v>334418</v>
      </c>
      <c r="B131" t="s">
        <v>199</v>
      </c>
      <c r="C131" t="s">
        <v>62</v>
      </c>
      <c r="D131" s="12">
        <v>2.188426748318141</v>
      </c>
      <c r="E131" s="12">
        <v>0.24942846565580748</v>
      </c>
      <c r="F131" s="1" t="s">
        <v>63</v>
      </c>
    </row>
    <row r="132" spans="1:6" x14ac:dyDescent="0.3">
      <c r="A132">
        <v>334419</v>
      </c>
      <c r="B132" t="s">
        <v>200</v>
      </c>
      <c r="C132" t="s">
        <v>62</v>
      </c>
      <c r="D132" s="12">
        <v>2.0362897808317246</v>
      </c>
      <c r="E132" s="12">
        <v>0.15356234134902602</v>
      </c>
      <c r="F132" s="1" t="s">
        <v>63</v>
      </c>
    </row>
    <row r="133" spans="1:6" x14ac:dyDescent="0.3">
      <c r="A133">
        <v>334510</v>
      </c>
      <c r="B133" t="s">
        <v>201</v>
      </c>
      <c r="C133" t="s">
        <v>62</v>
      </c>
      <c r="D133" s="12">
        <v>1.5570512949760071</v>
      </c>
      <c r="E133" s="12">
        <v>0.13412784022358007</v>
      </c>
      <c r="F133" s="1" t="s">
        <v>63</v>
      </c>
    </row>
    <row r="134" spans="1:6" x14ac:dyDescent="0.3">
      <c r="A134">
        <v>334511</v>
      </c>
      <c r="B134" t="s">
        <v>202</v>
      </c>
      <c r="C134" t="s">
        <v>62</v>
      </c>
      <c r="D134" s="12">
        <v>1.1785038333630378</v>
      </c>
      <c r="E134" s="12">
        <v>7.0594192942745965E-2</v>
      </c>
      <c r="F134" s="1" t="s">
        <v>63</v>
      </c>
    </row>
    <row r="135" spans="1:6" x14ac:dyDescent="0.3">
      <c r="A135">
        <v>334512</v>
      </c>
      <c r="B135" t="s">
        <v>203</v>
      </c>
      <c r="C135" t="s">
        <v>62</v>
      </c>
      <c r="D135" s="12">
        <v>0.77387885079029994</v>
      </c>
      <c r="E135" s="12">
        <v>9.4706708405724677E-2</v>
      </c>
      <c r="F135" s="1" t="s">
        <v>61</v>
      </c>
    </row>
    <row r="136" spans="1:6" x14ac:dyDescent="0.3">
      <c r="A136">
        <v>334513</v>
      </c>
      <c r="B136" t="s">
        <v>204</v>
      </c>
      <c r="C136" t="s">
        <v>62</v>
      </c>
      <c r="D136" s="12">
        <v>1.216127417918089</v>
      </c>
      <c r="E136" s="12">
        <v>0.15909123132512135</v>
      </c>
      <c r="F136" s="1" t="s">
        <v>63</v>
      </c>
    </row>
    <row r="137" spans="1:6" x14ac:dyDescent="0.3">
      <c r="A137">
        <v>334514</v>
      </c>
      <c r="B137" t="s">
        <v>205</v>
      </c>
      <c r="C137" t="s">
        <v>60</v>
      </c>
      <c r="D137" s="12">
        <v>0.66221478866509798</v>
      </c>
      <c r="E137" s="12">
        <v>0.14194320978884395</v>
      </c>
      <c r="F137" s="1" t="s">
        <v>61</v>
      </c>
    </row>
    <row r="138" spans="1:6" x14ac:dyDescent="0.3">
      <c r="A138">
        <v>334515</v>
      </c>
      <c r="B138" t="s">
        <v>206</v>
      </c>
      <c r="C138" t="s">
        <v>62</v>
      </c>
      <c r="D138" s="12">
        <v>1.232826043949764</v>
      </c>
      <c r="E138" s="12">
        <v>9.999238482178946E-2</v>
      </c>
      <c r="F138" s="1">
        <v>2</v>
      </c>
    </row>
    <row r="139" spans="1:6" x14ac:dyDescent="0.3">
      <c r="A139">
        <v>334516</v>
      </c>
      <c r="B139" t="s">
        <v>207</v>
      </c>
      <c r="C139" t="s">
        <v>62</v>
      </c>
      <c r="D139" s="12">
        <v>1.7104445963811299</v>
      </c>
      <c r="E139" s="12">
        <v>4.2017146405773531E-2</v>
      </c>
      <c r="F139" s="1">
        <v>2</v>
      </c>
    </row>
    <row r="140" spans="1:6" x14ac:dyDescent="0.3">
      <c r="A140">
        <v>334517</v>
      </c>
      <c r="B140" t="s">
        <v>208</v>
      </c>
      <c r="C140" t="s">
        <v>62</v>
      </c>
      <c r="D140" s="12">
        <v>1.4670111441128679</v>
      </c>
      <c r="E140" s="12">
        <v>0.20884952981282301</v>
      </c>
      <c r="F140" s="1" t="s">
        <v>63</v>
      </c>
    </row>
    <row r="141" spans="1:6" x14ac:dyDescent="0.3">
      <c r="A141">
        <v>334519</v>
      </c>
      <c r="B141" t="s">
        <v>209</v>
      </c>
      <c r="C141" t="s">
        <v>62</v>
      </c>
      <c r="D141" s="12">
        <v>0.83617745886812644</v>
      </c>
      <c r="E141" s="12">
        <v>0.22312775851774555</v>
      </c>
      <c r="F141" s="1" t="s">
        <v>61</v>
      </c>
    </row>
    <row r="142" spans="1:6" x14ac:dyDescent="0.3">
      <c r="A142">
        <v>334613</v>
      </c>
      <c r="B142" t="s">
        <v>210</v>
      </c>
      <c r="C142" t="s">
        <v>60</v>
      </c>
      <c r="D142" s="12">
        <v>0.79223135914004861</v>
      </c>
      <c r="E142" s="12">
        <v>3.4403838581232984E-2</v>
      </c>
      <c r="F142" s="1" t="s">
        <v>61</v>
      </c>
    </row>
    <row r="143" spans="1:6" x14ac:dyDescent="0.3">
      <c r="A143">
        <v>335110</v>
      </c>
      <c r="B143" t="s">
        <v>211</v>
      </c>
      <c r="C143" t="s">
        <v>60</v>
      </c>
      <c r="D143" s="12">
        <v>0.62882226624288995</v>
      </c>
      <c r="E143" s="12">
        <v>0.63279487135458912</v>
      </c>
      <c r="F143" s="1">
        <v>4</v>
      </c>
    </row>
    <row r="144" spans="1:6" x14ac:dyDescent="0.3">
      <c r="A144">
        <v>335129</v>
      </c>
      <c r="B144" t="s">
        <v>212</v>
      </c>
      <c r="C144" t="s">
        <v>62</v>
      </c>
      <c r="D144" s="12">
        <v>0.38200218375166201</v>
      </c>
      <c r="E144" s="12">
        <v>2.1308042766014514</v>
      </c>
      <c r="F144" s="1">
        <v>5</v>
      </c>
    </row>
    <row r="145" spans="1:6" x14ac:dyDescent="0.3">
      <c r="A145">
        <v>335210</v>
      </c>
      <c r="B145" t="s">
        <v>213</v>
      </c>
      <c r="C145" t="s">
        <v>60</v>
      </c>
      <c r="D145" s="12">
        <v>0.32538714836532651</v>
      </c>
      <c r="E145" s="12">
        <v>0.85192188971135718</v>
      </c>
      <c r="F145" s="1">
        <v>5</v>
      </c>
    </row>
    <row r="146" spans="1:6" x14ac:dyDescent="0.3">
      <c r="A146">
        <v>335311</v>
      </c>
      <c r="B146" t="s">
        <v>214</v>
      </c>
      <c r="C146" t="s">
        <v>62</v>
      </c>
      <c r="D146" s="12">
        <v>0.4650483712930415</v>
      </c>
      <c r="E146" s="12">
        <v>0.14867629407591934</v>
      </c>
      <c r="F146" s="1" t="s">
        <v>61</v>
      </c>
    </row>
    <row r="147" spans="1:6" x14ac:dyDescent="0.3">
      <c r="A147">
        <v>335312</v>
      </c>
      <c r="B147" t="s">
        <v>215</v>
      </c>
      <c r="C147" t="s">
        <v>62</v>
      </c>
      <c r="D147" s="12">
        <v>1.1237766588305391</v>
      </c>
      <c r="E147" s="12">
        <v>0.17131189720040874</v>
      </c>
      <c r="F147" s="1" t="s">
        <v>63</v>
      </c>
    </row>
    <row r="148" spans="1:6" x14ac:dyDescent="0.3">
      <c r="A148">
        <v>335313</v>
      </c>
      <c r="B148" t="s">
        <v>216</v>
      </c>
      <c r="C148" t="s">
        <v>62</v>
      </c>
      <c r="D148" s="12">
        <v>0.88121899198925913</v>
      </c>
      <c r="E148" s="12">
        <v>8.3562785687125579E-2</v>
      </c>
      <c r="F148" s="1" t="s">
        <v>61</v>
      </c>
    </row>
    <row r="149" spans="1:6" x14ac:dyDescent="0.3">
      <c r="A149">
        <v>335314</v>
      </c>
      <c r="B149" t="s">
        <v>217</v>
      </c>
      <c r="C149" t="s">
        <v>60</v>
      </c>
      <c r="D149" s="12">
        <v>0.97679315216028917</v>
      </c>
      <c r="E149" s="12">
        <v>0.14188450572704167</v>
      </c>
      <c r="F149" s="1" t="s">
        <v>61</v>
      </c>
    </row>
    <row r="150" spans="1:6" x14ac:dyDescent="0.3">
      <c r="A150">
        <v>335911</v>
      </c>
      <c r="B150" t="s">
        <v>218</v>
      </c>
      <c r="C150" t="s">
        <v>62</v>
      </c>
      <c r="D150" s="12">
        <v>0.76098992376372088</v>
      </c>
      <c r="E150" s="12">
        <v>0.38468464309434708</v>
      </c>
      <c r="F150" s="1">
        <v>4</v>
      </c>
    </row>
    <row r="151" spans="1:6" x14ac:dyDescent="0.3">
      <c r="A151">
        <v>335912</v>
      </c>
      <c r="B151" t="s">
        <v>219</v>
      </c>
      <c r="C151" t="s">
        <v>62</v>
      </c>
      <c r="D151" s="12">
        <v>0.83103355892213948</v>
      </c>
      <c r="E151" s="12">
        <v>0.17751831864101808</v>
      </c>
      <c r="F151" s="1" t="s">
        <v>61</v>
      </c>
    </row>
    <row r="152" spans="1:6" x14ac:dyDescent="0.3">
      <c r="A152">
        <v>335921</v>
      </c>
      <c r="B152" t="s">
        <v>220</v>
      </c>
      <c r="C152" t="s">
        <v>62</v>
      </c>
      <c r="D152" s="12">
        <v>1.5299963152860037</v>
      </c>
      <c r="E152" s="12">
        <v>0.21132120837260562</v>
      </c>
      <c r="F152" s="1" t="s">
        <v>63</v>
      </c>
    </row>
    <row r="153" spans="1:6" x14ac:dyDescent="0.3">
      <c r="A153">
        <v>335931</v>
      </c>
      <c r="B153" t="s">
        <v>221</v>
      </c>
      <c r="C153" t="s">
        <v>62</v>
      </c>
      <c r="D153" s="12">
        <v>1.1594909269094542</v>
      </c>
      <c r="E153" s="12">
        <v>0.2154233923963913</v>
      </c>
      <c r="F153" s="1" t="s">
        <v>63</v>
      </c>
    </row>
    <row r="154" spans="1:6" x14ac:dyDescent="0.3">
      <c r="A154">
        <v>335932</v>
      </c>
      <c r="B154" t="s">
        <v>222</v>
      </c>
      <c r="C154" t="s">
        <v>60</v>
      </c>
      <c r="D154" s="12">
        <v>1.4494597021452478</v>
      </c>
      <c r="E154" s="12">
        <v>0.25722525863647866</v>
      </c>
      <c r="F154" s="1" t="s">
        <v>63</v>
      </c>
    </row>
    <row r="155" spans="1:6" x14ac:dyDescent="0.3">
      <c r="A155">
        <v>335991</v>
      </c>
      <c r="B155" t="s">
        <v>223</v>
      </c>
      <c r="C155" t="s">
        <v>62</v>
      </c>
      <c r="D155" s="12">
        <v>1.015049948146451</v>
      </c>
      <c r="E155" s="12">
        <v>9.8881850044013245E-2</v>
      </c>
      <c r="F155" s="1" t="s">
        <v>63</v>
      </c>
    </row>
    <row r="156" spans="1:6" x14ac:dyDescent="0.3">
      <c r="A156">
        <v>335999</v>
      </c>
      <c r="B156" t="s">
        <v>224</v>
      </c>
      <c r="C156" t="s">
        <v>62</v>
      </c>
      <c r="D156" s="12">
        <v>0.99268591984427801</v>
      </c>
      <c r="E156" s="12">
        <v>0.31298229304251879</v>
      </c>
      <c r="F156" s="1" t="s">
        <v>61</v>
      </c>
    </row>
    <row r="157" spans="1:6" x14ac:dyDescent="0.3">
      <c r="A157">
        <v>336111</v>
      </c>
      <c r="B157" t="s">
        <v>225</v>
      </c>
      <c r="C157" t="s">
        <v>60</v>
      </c>
      <c r="D157" s="12">
        <v>0.99773786685527532</v>
      </c>
      <c r="E157" s="12">
        <v>6.7785005334436198E-3</v>
      </c>
      <c r="F157" s="1" t="s">
        <v>61</v>
      </c>
    </row>
    <row r="158" spans="1:6" x14ac:dyDescent="0.3">
      <c r="A158">
        <v>336112</v>
      </c>
      <c r="B158" t="s">
        <v>226</v>
      </c>
      <c r="C158" t="s">
        <v>60</v>
      </c>
      <c r="D158" s="12">
        <v>1.2211326272963254</v>
      </c>
      <c r="E158" s="12">
        <v>3.9698036550061248E-4</v>
      </c>
      <c r="F158" s="1">
        <v>2</v>
      </c>
    </row>
    <row r="159" spans="1:6" x14ac:dyDescent="0.3">
      <c r="A159">
        <v>336120</v>
      </c>
      <c r="B159" t="s">
        <v>227</v>
      </c>
      <c r="C159" t="s">
        <v>62</v>
      </c>
      <c r="D159" s="12">
        <v>1.7974122823286105</v>
      </c>
      <c r="E159" s="12">
        <v>9.6577030188511673E-3</v>
      </c>
      <c r="F159" s="1">
        <v>2</v>
      </c>
    </row>
    <row r="160" spans="1:6" x14ac:dyDescent="0.3">
      <c r="A160">
        <v>336211</v>
      </c>
      <c r="B160" t="s">
        <v>228</v>
      </c>
      <c r="C160" t="s">
        <v>60</v>
      </c>
      <c r="D160" s="12">
        <v>0.51997846865441744</v>
      </c>
      <c r="E160" s="12">
        <v>0.16521190841799663</v>
      </c>
      <c r="F160" s="1">
        <v>4</v>
      </c>
    </row>
    <row r="161" spans="1:6" x14ac:dyDescent="0.3">
      <c r="A161">
        <v>336212</v>
      </c>
      <c r="B161" t="s">
        <v>229</v>
      </c>
      <c r="C161" t="s">
        <v>60</v>
      </c>
      <c r="D161" s="12">
        <v>0.83736361563314476</v>
      </c>
      <c r="E161" s="12">
        <v>3.5617029094380769E-2</v>
      </c>
      <c r="F161" s="1" t="s">
        <v>61</v>
      </c>
    </row>
    <row r="162" spans="1:6" x14ac:dyDescent="0.3">
      <c r="A162">
        <v>336310</v>
      </c>
      <c r="B162" t="s">
        <v>230</v>
      </c>
      <c r="C162" t="s">
        <v>62</v>
      </c>
      <c r="D162" s="12">
        <v>1.0475689494371403</v>
      </c>
      <c r="E162" s="12">
        <v>0.1436339232429249</v>
      </c>
      <c r="F162" s="1" t="s">
        <v>63</v>
      </c>
    </row>
    <row r="163" spans="1:6" x14ac:dyDescent="0.3">
      <c r="A163">
        <v>336320</v>
      </c>
      <c r="B163" t="s">
        <v>231</v>
      </c>
      <c r="C163" t="s">
        <v>62</v>
      </c>
      <c r="D163" s="12">
        <v>0.91719573416846245</v>
      </c>
      <c r="E163" s="12">
        <v>0.18069055024504196</v>
      </c>
      <c r="F163" s="1" t="s">
        <v>61</v>
      </c>
    </row>
    <row r="164" spans="1:6" x14ac:dyDescent="0.3">
      <c r="A164">
        <v>336330</v>
      </c>
      <c r="B164" t="s">
        <v>232</v>
      </c>
      <c r="C164" t="s">
        <v>60</v>
      </c>
      <c r="D164" s="12">
        <v>1.0092902331805609</v>
      </c>
      <c r="E164" s="12">
        <v>0.15705515802780542</v>
      </c>
      <c r="F164" s="1" t="s">
        <v>63</v>
      </c>
    </row>
    <row r="165" spans="1:6" x14ac:dyDescent="0.3">
      <c r="A165">
        <v>336340</v>
      </c>
      <c r="B165" t="s">
        <v>233</v>
      </c>
      <c r="C165" t="s">
        <v>60</v>
      </c>
      <c r="D165" s="12">
        <v>1.1253329069152866</v>
      </c>
      <c r="E165" s="12">
        <v>0.17541128504159645</v>
      </c>
      <c r="F165" s="1" t="s">
        <v>63</v>
      </c>
    </row>
    <row r="166" spans="1:6" x14ac:dyDescent="0.3">
      <c r="A166">
        <v>336350</v>
      </c>
      <c r="B166" t="s">
        <v>234</v>
      </c>
      <c r="C166" t="s">
        <v>62</v>
      </c>
      <c r="D166" s="12">
        <v>1.0931240632120689</v>
      </c>
      <c r="E166" s="12">
        <v>0.10592746314435497</v>
      </c>
      <c r="F166" s="1" t="s">
        <v>63</v>
      </c>
    </row>
    <row r="167" spans="1:6" x14ac:dyDescent="0.3">
      <c r="A167">
        <v>336360</v>
      </c>
      <c r="B167" t="s">
        <v>235</v>
      </c>
      <c r="C167" t="s">
        <v>62</v>
      </c>
      <c r="D167" s="12">
        <v>0.55778809711962551</v>
      </c>
      <c r="E167" s="12">
        <v>3.8420598209566476E-2</v>
      </c>
      <c r="F167" s="1" t="s">
        <v>61</v>
      </c>
    </row>
    <row r="168" spans="1:6" x14ac:dyDescent="0.3">
      <c r="A168">
        <v>336390</v>
      </c>
      <c r="B168" t="s">
        <v>236</v>
      </c>
      <c r="C168" t="s">
        <v>62</v>
      </c>
      <c r="D168" s="12">
        <v>0.99886652627590455</v>
      </c>
      <c r="E168" s="12">
        <v>0.15087786825742971</v>
      </c>
      <c r="F168" s="1" t="s">
        <v>61</v>
      </c>
    </row>
    <row r="169" spans="1:6" x14ac:dyDescent="0.3">
      <c r="A169">
        <v>336411</v>
      </c>
      <c r="B169" t="s">
        <v>237</v>
      </c>
      <c r="C169" t="s">
        <v>62</v>
      </c>
      <c r="D169" s="12">
        <v>1.0373977799365586</v>
      </c>
      <c r="E169" s="12">
        <v>3.139567795717093E-2</v>
      </c>
      <c r="F169" s="1" t="s">
        <v>63</v>
      </c>
    </row>
    <row r="170" spans="1:6" x14ac:dyDescent="0.3">
      <c r="A170">
        <v>336412</v>
      </c>
      <c r="B170" t="s">
        <v>238</v>
      </c>
      <c r="C170" t="s">
        <v>62</v>
      </c>
      <c r="D170" s="12">
        <v>1.2314508132296078</v>
      </c>
      <c r="E170" s="12">
        <v>1.135150200227166E-2</v>
      </c>
      <c r="F170" s="1">
        <v>2</v>
      </c>
    </row>
    <row r="171" spans="1:6" x14ac:dyDescent="0.3">
      <c r="A171">
        <v>336413</v>
      </c>
      <c r="B171" t="s">
        <v>239</v>
      </c>
      <c r="C171" t="s">
        <v>62</v>
      </c>
      <c r="D171" s="12">
        <v>5.5247776742245689</v>
      </c>
      <c r="E171" s="12">
        <v>1.1270141981545455E-3</v>
      </c>
      <c r="F171" s="1">
        <v>1</v>
      </c>
    </row>
    <row r="172" spans="1:6" x14ac:dyDescent="0.3">
      <c r="A172">
        <v>336415</v>
      </c>
      <c r="B172" t="s">
        <v>240</v>
      </c>
      <c r="C172" t="s">
        <v>62</v>
      </c>
      <c r="D172" s="12">
        <v>2.7433987087260818</v>
      </c>
      <c r="E172" s="12">
        <v>0.12134432315996251</v>
      </c>
      <c r="F172" s="1" t="s">
        <v>63</v>
      </c>
    </row>
    <row r="173" spans="1:6" x14ac:dyDescent="0.3">
      <c r="A173">
        <v>336510</v>
      </c>
      <c r="B173" t="s">
        <v>241</v>
      </c>
      <c r="C173" t="s">
        <v>62</v>
      </c>
      <c r="D173" s="12">
        <v>1.3364692412755697</v>
      </c>
      <c r="E173" s="12">
        <v>7.8299204428908392E-2</v>
      </c>
      <c r="F173" s="1">
        <v>2</v>
      </c>
    </row>
    <row r="174" spans="1:6" x14ac:dyDescent="0.3">
      <c r="A174">
        <v>336611</v>
      </c>
      <c r="B174" t="s">
        <v>242</v>
      </c>
      <c r="C174" t="s">
        <v>1</v>
      </c>
      <c r="D174" s="12">
        <v>0.7891748731795466</v>
      </c>
      <c r="E174" s="12">
        <v>2.9909500157359121E-2</v>
      </c>
      <c r="F174" s="1" t="s">
        <v>61</v>
      </c>
    </row>
    <row r="175" spans="1:6" x14ac:dyDescent="0.3">
      <c r="A175">
        <v>336612</v>
      </c>
      <c r="B175" t="s">
        <v>243</v>
      </c>
      <c r="C175" t="s">
        <v>60</v>
      </c>
      <c r="D175" s="12">
        <v>3.004519805439243</v>
      </c>
      <c r="E175" s="12">
        <v>0.13121352818213866</v>
      </c>
      <c r="F175" s="1" t="s">
        <v>63</v>
      </c>
    </row>
    <row r="176" spans="1:6" x14ac:dyDescent="0.3">
      <c r="A176">
        <v>336999</v>
      </c>
      <c r="B176" t="s">
        <v>244</v>
      </c>
      <c r="C176" t="s">
        <v>60</v>
      </c>
      <c r="D176" s="12">
        <v>1.3750548133967335</v>
      </c>
      <c r="E176" s="12">
        <v>1.1902404036321581</v>
      </c>
      <c r="F176" s="1" t="s">
        <v>63</v>
      </c>
    </row>
    <row r="177" spans="1:6" x14ac:dyDescent="0.3">
      <c r="A177">
        <v>339112</v>
      </c>
      <c r="B177" t="s">
        <v>245</v>
      </c>
      <c r="C177" t="s">
        <v>62</v>
      </c>
      <c r="D177" s="12">
        <v>1.5905516658993659</v>
      </c>
      <c r="E177" s="12">
        <v>0.40349420251922696</v>
      </c>
      <c r="F177" s="1" t="s">
        <v>63</v>
      </c>
    </row>
    <row r="178" spans="1:6" x14ac:dyDescent="0.3">
      <c r="A178">
        <v>339113</v>
      </c>
      <c r="B178" t="s">
        <v>246</v>
      </c>
      <c r="C178" t="s">
        <v>62</v>
      </c>
      <c r="D178" s="12">
        <v>1.2727911780077557</v>
      </c>
      <c r="E178" s="12">
        <v>0.52963072839094871</v>
      </c>
      <c r="F178" s="1" t="s">
        <v>63</v>
      </c>
    </row>
    <row r="179" spans="1:6" x14ac:dyDescent="0.3">
      <c r="A179">
        <v>339114</v>
      </c>
      <c r="B179" t="s">
        <v>247</v>
      </c>
      <c r="C179" t="s">
        <v>60</v>
      </c>
      <c r="D179" s="12">
        <v>0.70379595747764834</v>
      </c>
      <c r="E179" s="12">
        <v>0.39093822332235945</v>
      </c>
      <c r="F179" s="1">
        <v>4</v>
      </c>
    </row>
    <row r="180" spans="1:6" x14ac:dyDescent="0.3">
      <c r="A180">
        <v>339991</v>
      </c>
      <c r="B180" t="s">
        <v>248</v>
      </c>
      <c r="C180" t="s">
        <v>60</v>
      </c>
      <c r="D180" s="12">
        <v>1.3160836653359189</v>
      </c>
      <c r="E180" s="12">
        <v>0.10654810144000525</v>
      </c>
      <c r="F180" s="1" t="s">
        <v>63</v>
      </c>
    </row>
    <row r="181" spans="1:6" x14ac:dyDescent="0.3">
      <c r="A181">
        <v>339999</v>
      </c>
      <c r="B181" t="s">
        <v>249</v>
      </c>
      <c r="C181" t="s">
        <v>60</v>
      </c>
      <c r="D181" s="12">
        <v>0.61873784964229139</v>
      </c>
      <c r="E181" s="12">
        <v>1.1490688438307699</v>
      </c>
      <c r="F181" s="1">
        <v>4</v>
      </c>
    </row>
  </sheetData>
  <autoFilter ref="A4:F181" xr:uid="{1881D26D-58E6-4B13-B3DA-2DFBBC0E86E2}">
    <sortState xmlns:xlrd2="http://schemas.microsoft.com/office/spreadsheetml/2017/richdata2" ref="A5:F181">
      <sortCondition ref="A4:A181"/>
    </sortState>
  </autoFilter>
  <conditionalFormatting sqref="D5:D181">
    <cfRule type="colorScale" priority="4">
      <colorScale>
        <cfvo type="num" val="0"/>
        <cfvo type="num" val="1"/>
        <cfvo type="num" val="2"/>
        <color rgb="FFF8696B"/>
        <color rgb="FFFFEB84"/>
        <color rgb="FF63BE7B"/>
      </colorScale>
    </cfRule>
    <cfRule type="colorScale" priority="5">
      <colorScale>
        <cfvo type="num" val="0"/>
        <cfvo type="num" val="&quot;0.8-1.2&quot;"/>
        <cfvo type="num" val="2"/>
        <color rgb="FFFF0000"/>
        <color rgb="FFFFEB84"/>
        <color theme="9"/>
      </colorScale>
    </cfRule>
    <cfRule type="colorScale" priority="8">
      <colorScale>
        <cfvo type="min"/>
        <cfvo type="percentile" val="1"/>
        <cfvo type="max"/>
        <color rgb="FFFF0000"/>
        <color rgb="FFFFEB84"/>
        <color rgb="FF00B050"/>
      </colorScale>
    </cfRule>
    <cfRule type="colorScale" priority="9">
      <colorScale>
        <cfvo type="min"/>
        <cfvo type="percentile" val="1"/>
        <cfvo type="max"/>
        <color rgb="FFF8696B"/>
        <color rgb="FFFFEB84"/>
        <color rgb="FF63BE7B"/>
      </colorScale>
    </cfRule>
    <cfRule type="colorScale" priority="10">
      <colorScale>
        <cfvo type="num" val="&quot;0-0.8&quot;"/>
        <cfvo type="num" val="&quot;0.81-1.2&quot;"/>
        <cfvo type="num" val="&quot;1.2-6&quot;"/>
        <color rgb="FFF8696B"/>
        <color rgb="FFFFEB84"/>
        <color rgb="FF63BE7B"/>
      </colorScale>
    </cfRule>
    <cfRule type="colorScale" priority="11">
      <colorScale>
        <cfvo type="min"/>
        <cfvo type="num" val="1"/>
        <cfvo type="max"/>
        <color rgb="FFF8696B"/>
        <color rgb="FFFFEB84"/>
        <color rgb="FF63BE7B"/>
      </colorScale>
    </cfRule>
    <cfRule type="colorScale" priority="12">
      <colorScale>
        <cfvo type="min"/>
        <cfvo type="percentile" val="50"/>
        <cfvo type="max"/>
        <color rgb="FFFF0000"/>
        <color rgb="FFFFEB84"/>
        <color theme="9"/>
      </colorScale>
    </cfRule>
    <cfRule type="colorScale" priority="13">
      <colorScale>
        <cfvo type="min"/>
        <cfvo type="percentile" val="50"/>
        <cfvo type="max"/>
        <color rgb="FFF8696B"/>
        <color rgb="FFFFEB84"/>
        <color rgb="FF63BE7B"/>
      </colorScale>
    </cfRule>
  </conditionalFormatting>
  <conditionalFormatting sqref="E5:E181">
    <cfRule type="colorScale" priority="1">
      <colorScale>
        <cfvo type="min"/>
        <cfvo type="num" val="&quot;0.8-1.2&quot;"/>
        <cfvo type="max"/>
        <color rgb="FF6AC850"/>
        <color rgb="FFFFEB84"/>
        <color rgb="FFFF7C80"/>
      </colorScale>
    </cfRule>
    <cfRule type="colorScale" priority="2">
      <colorScale>
        <cfvo type="num" val="0"/>
        <cfvo type="num" val="0.15"/>
        <cfvo type="num" val="1"/>
        <color rgb="FF00B050"/>
        <color rgb="FFFFEB84"/>
        <color rgb="FFFF7C80"/>
      </colorScale>
    </cfRule>
    <cfRule type="colorScale" priority="3">
      <colorScale>
        <cfvo type="num" val="0"/>
        <cfvo type="num" val="0.15"/>
        <cfvo type="num" val="1"/>
        <color theme="9"/>
        <color rgb="FFFFEB84"/>
        <color rgb="FFFF7C80"/>
      </colorScale>
    </cfRule>
    <cfRule type="colorScale" priority="6">
      <colorScale>
        <cfvo type="num" val="0"/>
        <cfvo type="num" val="0.15"/>
        <cfvo type="num" val="1"/>
        <color theme="9"/>
        <color rgb="FFFFEB84"/>
        <color rgb="FFFF0000"/>
      </colorScale>
    </cfRule>
    <cfRule type="colorScale" priority="7">
      <colorScale>
        <cfvo type="min"/>
        <cfvo type="percentile" val="0.15"/>
        <cfvo type="max"/>
        <color theme="9"/>
        <color rgb="FFFFEB84"/>
        <color rgb="FFFF0000"/>
      </colorScale>
    </cfRule>
    <cfRule type="colorScale" priority="14">
      <colorScale>
        <cfvo type="min"/>
        <cfvo type="percentile" val="50"/>
        <cfvo type="max"/>
        <color rgb="FF00B050"/>
        <color rgb="FFFFEB84"/>
        <color rgb="FFFF0000"/>
      </colorScale>
    </cfRule>
    <cfRule type="colorScale" priority="15">
      <colorScale>
        <cfvo type="min"/>
        <cfvo type="percentile" val="50"/>
        <cfvo type="max"/>
        <color rgb="FFF8696B"/>
        <color rgb="FFFFEB84"/>
        <color rgb="FF63BE7B"/>
      </colorScale>
    </cfRule>
  </conditionalFormatting>
  <hyperlinks>
    <hyperlink ref="A2" r:id="rId1" xr:uid="{84B12074-F7DD-44D9-A68B-81B2E3A78E98}"/>
  </hyperlinks>
  <pageMargins left="0.7" right="0.7" top="0.75" bottom="0.75" header="0.3" footer="0.3"/>
  <pageSetup orientation="portrait" r:id="rId2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ED05C7E-ED0C-4C14-9307-04C97CB4CAA8}">
  <dimension ref="A1:F58"/>
  <sheetViews>
    <sheetView workbookViewId="0">
      <pane ySplit="4" topLeftCell="A32" activePane="bottomLeft" state="frozen"/>
      <selection pane="bottomLeft"/>
    </sheetView>
  </sheetViews>
  <sheetFormatPr defaultRowHeight="14.4" x14ac:dyDescent="0.3"/>
  <cols>
    <col min="1" max="1" width="11" customWidth="1"/>
    <col min="2" max="2" width="57.21875" customWidth="1"/>
    <col min="3" max="6" width="10.77734375" style="12" customWidth="1"/>
  </cols>
  <sheetData>
    <row r="1" spans="1:6" x14ac:dyDescent="0.3">
      <c r="A1" s="2" t="s">
        <v>250</v>
      </c>
    </row>
    <row r="2" spans="1:6" x14ac:dyDescent="0.3">
      <c r="A2" s="5" t="s">
        <v>304</v>
      </c>
      <c r="B2" s="5"/>
    </row>
    <row r="3" spans="1:6" x14ac:dyDescent="0.3">
      <c r="A3" s="2" t="s">
        <v>69</v>
      </c>
      <c r="B3" s="2"/>
    </row>
    <row r="4" spans="1:6" x14ac:dyDescent="0.3">
      <c r="A4" s="2" t="s">
        <v>71</v>
      </c>
      <c r="B4" s="2" t="s">
        <v>72</v>
      </c>
      <c r="C4" s="13" t="s">
        <v>58</v>
      </c>
      <c r="D4" s="13" t="s">
        <v>59</v>
      </c>
      <c r="E4" s="13" t="s">
        <v>56</v>
      </c>
      <c r="F4" s="13" t="s">
        <v>57</v>
      </c>
    </row>
    <row r="5" spans="1:6" x14ac:dyDescent="0.3">
      <c r="A5" t="s">
        <v>2</v>
      </c>
      <c r="B5" s="6" t="s">
        <v>257</v>
      </c>
      <c r="C5" s="12">
        <v>0.64564653687482987</v>
      </c>
      <c r="D5" s="12">
        <v>0.19925235430873803</v>
      </c>
      <c r="E5" s="12">
        <v>0.71419222956689454</v>
      </c>
      <c r="F5" s="12">
        <v>0.41748250860136027</v>
      </c>
    </row>
    <row r="6" spans="1:6" x14ac:dyDescent="0.3">
      <c r="A6" t="s">
        <v>3</v>
      </c>
      <c r="B6" s="6" t="s">
        <v>258</v>
      </c>
      <c r="C6" s="12">
        <v>0.4950405858755349</v>
      </c>
      <c r="D6" s="12">
        <v>3.5140955280317084E-2</v>
      </c>
      <c r="E6" s="12">
        <v>0.52378300545871548</v>
      </c>
      <c r="F6" s="12">
        <v>3.8458341212031073E-2</v>
      </c>
    </row>
    <row r="7" spans="1:6" x14ac:dyDescent="0.3">
      <c r="A7" t="s">
        <v>4</v>
      </c>
      <c r="B7" s="7" t="s">
        <v>259</v>
      </c>
      <c r="C7" s="12">
        <v>0.7174757945754191</v>
      </c>
      <c r="D7" s="12">
        <v>9.4606977813576562E-2</v>
      </c>
      <c r="E7" s="12">
        <v>1.1174599774920537</v>
      </c>
      <c r="F7" s="12">
        <v>0.25085562799048206</v>
      </c>
    </row>
    <row r="8" spans="1:6" x14ac:dyDescent="0.3">
      <c r="A8" t="s">
        <v>5</v>
      </c>
      <c r="B8" s="6" t="s">
        <v>260</v>
      </c>
      <c r="C8" s="12">
        <v>1.3803459422228614</v>
      </c>
      <c r="D8" s="12">
        <v>2.1302231488054659E-3</v>
      </c>
      <c r="E8" s="12">
        <v>0.40233169204400521</v>
      </c>
      <c r="F8" s="12">
        <v>0.10906216038292432</v>
      </c>
    </row>
    <row r="9" spans="1:6" x14ac:dyDescent="0.3">
      <c r="A9" t="s">
        <v>6</v>
      </c>
      <c r="B9" s="6" t="s">
        <v>261</v>
      </c>
      <c r="C9" s="12">
        <v>0.36662683803830287</v>
      </c>
      <c r="D9" s="12">
        <v>7.8722330023191192E-2</v>
      </c>
      <c r="E9" s="12">
        <v>0.3433813996870983</v>
      </c>
      <c r="F9" s="12">
        <v>7.2022901361867869E-2</v>
      </c>
    </row>
    <row r="10" spans="1:6" x14ac:dyDescent="0.3">
      <c r="A10" t="s">
        <v>7</v>
      </c>
      <c r="B10" s="6" t="s">
        <v>262</v>
      </c>
      <c r="E10" s="12">
        <v>1.2845149388165564</v>
      </c>
      <c r="F10" s="12">
        <v>5.7635349891695845E-2</v>
      </c>
    </row>
    <row r="11" spans="1:6" x14ac:dyDescent="0.3">
      <c r="A11" t="s">
        <v>8</v>
      </c>
      <c r="B11" t="s">
        <v>255</v>
      </c>
      <c r="C11" s="12">
        <v>2.606432631243186</v>
      </c>
      <c r="D11" s="12">
        <v>4.4119992924004418E-2</v>
      </c>
      <c r="E11" s="12">
        <v>0.98594023393264463</v>
      </c>
      <c r="F11" s="12">
        <v>0.20027239622393936</v>
      </c>
    </row>
    <row r="12" spans="1:6" x14ac:dyDescent="0.3">
      <c r="A12" t="s">
        <v>9</v>
      </c>
      <c r="B12" t="s">
        <v>263</v>
      </c>
      <c r="C12" s="12">
        <v>0.55824994842962194</v>
      </c>
      <c r="D12" s="12">
        <v>5.0629714160005043E-3</v>
      </c>
      <c r="E12" s="12">
        <v>0.67852050343151371</v>
      </c>
      <c r="F12" s="12">
        <v>4.7948596452944501E-3</v>
      </c>
    </row>
    <row r="13" spans="1:6" x14ac:dyDescent="0.3">
      <c r="A13" t="s">
        <v>10</v>
      </c>
      <c r="B13" t="s">
        <v>264</v>
      </c>
      <c r="C13" s="12">
        <v>1.5167119163595348</v>
      </c>
      <c r="E13" s="12">
        <v>1.114503124942255</v>
      </c>
      <c r="F13" s="12">
        <v>8.8814480739834376E-3</v>
      </c>
    </row>
    <row r="14" spans="1:6" x14ac:dyDescent="0.3">
      <c r="A14" t="s">
        <v>11</v>
      </c>
      <c r="B14" s="6" t="s">
        <v>265</v>
      </c>
      <c r="C14" s="12">
        <v>0.38800830544472492</v>
      </c>
      <c r="D14" s="12">
        <v>3.4327742154366764E-2</v>
      </c>
      <c r="E14" s="12">
        <v>0.48834418571151544</v>
      </c>
      <c r="F14" s="12">
        <v>1.0947512308498117E-2</v>
      </c>
    </row>
    <row r="15" spans="1:6" x14ac:dyDescent="0.3">
      <c r="A15" t="s">
        <v>12</v>
      </c>
      <c r="B15" s="6" t="s">
        <v>266</v>
      </c>
      <c r="C15" s="12">
        <v>1.2607871295166757</v>
      </c>
      <c r="D15" s="12">
        <v>0.27663935657330729</v>
      </c>
      <c r="E15" s="12">
        <v>0.37197123271735349</v>
      </c>
      <c r="F15" s="12">
        <v>0.26205522254694125</v>
      </c>
    </row>
    <row r="16" spans="1:6" x14ac:dyDescent="0.3">
      <c r="A16" t="s">
        <v>13</v>
      </c>
      <c r="B16" s="8" t="s">
        <v>267</v>
      </c>
      <c r="C16" s="12">
        <v>0.27843131310082786</v>
      </c>
      <c r="D16" s="12">
        <v>3.516862849181626E-3</v>
      </c>
      <c r="E16" s="12">
        <v>0.35393404466930933</v>
      </c>
      <c r="F16" s="12">
        <v>1.7996262339807063E-2</v>
      </c>
    </row>
    <row r="17" spans="1:6" x14ac:dyDescent="0.3">
      <c r="A17" t="s">
        <v>14</v>
      </c>
      <c r="B17" s="8" t="s">
        <v>251</v>
      </c>
      <c r="C17" s="12">
        <v>0.23824112993402827</v>
      </c>
      <c r="D17" s="12">
        <v>1.9039160141006744E-2</v>
      </c>
      <c r="E17" s="12">
        <v>1.0655831806096532</v>
      </c>
      <c r="F17" s="12">
        <v>9.4505298383611245E-3</v>
      </c>
    </row>
    <row r="18" spans="1:6" x14ac:dyDescent="0.3">
      <c r="A18" t="s">
        <v>15</v>
      </c>
      <c r="B18" s="8" t="s">
        <v>252</v>
      </c>
      <c r="C18" s="12">
        <v>0.16926150419902286</v>
      </c>
      <c r="D18" s="12">
        <v>1.950716377152661E-3</v>
      </c>
      <c r="E18" s="12">
        <v>0.97816056608991742</v>
      </c>
      <c r="F18" s="12">
        <v>5.8831183562937227E-2</v>
      </c>
    </row>
    <row r="19" spans="1:6" x14ac:dyDescent="0.3">
      <c r="A19" t="s">
        <v>16</v>
      </c>
      <c r="B19" s="8" t="s">
        <v>268</v>
      </c>
      <c r="C19" s="12">
        <v>0.45652198941160665</v>
      </c>
      <c r="D19" s="12">
        <v>7.6659883943856267E-4</v>
      </c>
      <c r="E19" s="12">
        <v>0.68171096669129883</v>
      </c>
      <c r="F19" s="12">
        <v>4.6656542918048882E-2</v>
      </c>
    </row>
    <row r="20" spans="1:6" x14ac:dyDescent="0.3">
      <c r="A20" t="s">
        <v>17</v>
      </c>
      <c r="B20" s="8" t="s">
        <v>269</v>
      </c>
      <c r="C20" s="12">
        <v>1.0262784691004649</v>
      </c>
      <c r="D20" s="12">
        <v>0.201079286398886</v>
      </c>
      <c r="E20" s="12">
        <v>0.81592827905348297</v>
      </c>
      <c r="F20" s="12">
        <v>0.39055524696912491</v>
      </c>
    </row>
    <row r="21" spans="1:6" x14ac:dyDescent="0.3">
      <c r="A21" t="s">
        <v>18</v>
      </c>
      <c r="B21" s="8" t="s">
        <v>270</v>
      </c>
      <c r="C21" s="12">
        <v>0.10863178224794814</v>
      </c>
      <c r="D21" s="12">
        <v>1.6692057031002423E-2</v>
      </c>
      <c r="E21" s="12">
        <v>0.1698148507692995</v>
      </c>
      <c r="F21" s="12">
        <v>1.3763333140210555E-3</v>
      </c>
    </row>
    <row r="22" spans="1:6" x14ac:dyDescent="0.3">
      <c r="A22" t="s">
        <v>19</v>
      </c>
      <c r="B22" s="8" t="s">
        <v>271</v>
      </c>
      <c r="C22" s="12">
        <v>0.34810878245379495</v>
      </c>
      <c r="D22" s="12">
        <v>4.9620842107799795E-2</v>
      </c>
      <c r="E22" s="12">
        <v>0.5512277403125565</v>
      </c>
      <c r="F22" s="12">
        <v>5.2688368927460996E-2</v>
      </c>
    </row>
    <row r="23" spans="1:6" x14ac:dyDescent="0.3">
      <c r="A23" t="s">
        <v>20</v>
      </c>
      <c r="B23" s="8" t="s">
        <v>272</v>
      </c>
      <c r="E23" s="12">
        <v>0.33425771184442149</v>
      </c>
      <c r="F23" s="12">
        <v>2.6794298205446921E-2</v>
      </c>
    </row>
    <row r="24" spans="1:6" x14ac:dyDescent="0.3">
      <c r="A24" t="s">
        <v>21</v>
      </c>
      <c r="B24" s="6" t="s">
        <v>273</v>
      </c>
      <c r="E24" s="12">
        <v>1.0817545552510699</v>
      </c>
      <c r="F24" s="12">
        <v>1.7435647837518047E-2</v>
      </c>
    </row>
    <row r="25" spans="1:6" x14ac:dyDescent="0.3">
      <c r="A25" t="s">
        <v>22</v>
      </c>
      <c r="B25" s="8" t="s">
        <v>254</v>
      </c>
      <c r="C25" s="12">
        <v>1.9331188956244132</v>
      </c>
      <c r="D25" s="12">
        <v>4.9165921300905514E-4</v>
      </c>
      <c r="E25" s="12">
        <v>0.46025132395458529</v>
      </c>
      <c r="F25" s="12">
        <v>5.3200560449301278E-2</v>
      </c>
    </row>
    <row r="26" spans="1:6" x14ac:dyDescent="0.3">
      <c r="A26" t="s">
        <v>23</v>
      </c>
      <c r="B26" s="8" t="s">
        <v>274</v>
      </c>
      <c r="C26" s="12">
        <v>1.0208542037568706</v>
      </c>
      <c r="D26" s="12">
        <v>0.21880349043487449</v>
      </c>
      <c r="E26" s="12">
        <v>1.0049963706583125</v>
      </c>
      <c r="F26" s="12">
        <v>0.21054164960238636</v>
      </c>
    </row>
    <row r="27" spans="1:6" x14ac:dyDescent="0.3">
      <c r="A27" t="s">
        <v>24</v>
      </c>
      <c r="B27" s="8" t="s">
        <v>275</v>
      </c>
      <c r="C27" s="12">
        <v>0.2128401658621514</v>
      </c>
      <c r="D27" s="12">
        <v>1.741051017821561E-2</v>
      </c>
      <c r="E27" s="12">
        <v>0.17003979867925009</v>
      </c>
      <c r="F27" s="12">
        <v>5.6713862865646572E-2</v>
      </c>
    </row>
    <row r="28" spans="1:6" x14ac:dyDescent="0.3">
      <c r="A28" t="s">
        <v>25</v>
      </c>
      <c r="B28" s="9" t="s">
        <v>277</v>
      </c>
      <c r="C28" s="12">
        <v>0.541369294940516</v>
      </c>
      <c r="D28" s="12">
        <v>7.5008406109124834E-2</v>
      </c>
      <c r="E28" s="12">
        <v>0.3975736376647287</v>
      </c>
      <c r="F28" s="12">
        <v>0.17286439441034007</v>
      </c>
    </row>
    <row r="29" spans="1:6" x14ac:dyDescent="0.3">
      <c r="A29" t="s">
        <v>26</v>
      </c>
      <c r="B29" s="8" t="s">
        <v>276</v>
      </c>
      <c r="C29" s="12">
        <v>0.88899136448883398</v>
      </c>
      <c r="D29" s="12">
        <v>1.5763753956223137E-2</v>
      </c>
      <c r="E29" s="12">
        <v>1.1309243345754669</v>
      </c>
      <c r="F29" s="12">
        <v>9.7855092500414131E-2</v>
      </c>
    </row>
    <row r="30" spans="1:6" x14ac:dyDescent="0.3">
      <c r="A30" t="s">
        <v>27</v>
      </c>
      <c r="B30" s="8" t="s">
        <v>278</v>
      </c>
      <c r="E30" s="12">
        <v>0.41392991405408536</v>
      </c>
      <c r="F30" s="12">
        <v>2.6428746828933931E-2</v>
      </c>
    </row>
    <row r="31" spans="1:6" x14ac:dyDescent="0.3">
      <c r="A31" t="s">
        <v>28</v>
      </c>
      <c r="B31" s="8" t="s">
        <v>279</v>
      </c>
      <c r="C31" s="12">
        <v>0.65666213863261624</v>
      </c>
      <c r="D31" s="12">
        <v>2.7272749447355488E-2</v>
      </c>
      <c r="E31" s="12">
        <v>0.55988628012649744</v>
      </c>
      <c r="F31" s="12">
        <v>2.7567842746406016E-2</v>
      </c>
    </row>
    <row r="32" spans="1:6" x14ac:dyDescent="0.3">
      <c r="A32" t="s">
        <v>29</v>
      </c>
      <c r="B32" s="8" t="s">
        <v>281</v>
      </c>
      <c r="E32" s="12">
        <v>1.0844936709143547</v>
      </c>
      <c r="F32" s="12">
        <v>8.1581708191603274E-3</v>
      </c>
    </row>
    <row r="33" spans="1:6" x14ac:dyDescent="0.3">
      <c r="A33" t="s">
        <v>30</v>
      </c>
      <c r="B33" s="8" t="s">
        <v>280</v>
      </c>
      <c r="E33" s="12">
        <v>0.25340909627227781</v>
      </c>
      <c r="F33" s="12">
        <v>1.3544265254603603E-3</v>
      </c>
    </row>
    <row r="34" spans="1:6" x14ac:dyDescent="0.3">
      <c r="A34" t="s">
        <v>31</v>
      </c>
      <c r="B34" s="6" t="s">
        <v>282</v>
      </c>
      <c r="E34" s="12">
        <v>0.20590074614623946</v>
      </c>
      <c r="F34" s="12">
        <v>3.3322753609691456E-3</v>
      </c>
    </row>
    <row r="35" spans="1:6" x14ac:dyDescent="0.3">
      <c r="A35" t="s">
        <v>32</v>
      </c>
      <c r="B35" s="8" t="s">
        <v>279</v>
      </c>
      <c r="C35" s="12">
        <v>0.84727632130793773</v>
      </c>
      <c r="D35" s="12">
        <v>8.7413468215635816E-3</v>
      </c>
      <c r="E35" s="12">
        <v>0.83317123814408189</v>
      </c>
      <c r="F35" s="12">
        <v>9.2124908318480664E-3</v>
      </c>
    </row>
    <row r="36" spans="1:6" x14ac:dyDescent="0.3">
      <c r="A36" t="s">
        <v>33</v>
      </c>
      <c r="B36" s="8" t="s">
        <v>283</v>
      </c>
      <c r="C36" s="12">
        <v>0.5637209819319543</v>
      </c>
      <c r="D36" s="12">
        <v>1.8881302582234197E-3</v>
      </c>
      <c r="E36" s="12">
        <v>0.26571073218546443</v>
      </c>
      <c r="F36" s="12">
        <v>5.2576420959471633E-3</v>
      </c>
    </row>
    <row r="37" spans="1:6" x14ac:dyDescent="0.3">
      <c r="A37" t="s">
        <v>34</v>
      </c>
      <c r="B37" s="8" t="s">
        <v>284</v>
      </c>
      <c r="C37" s="12">
        <v>0.55167210943614231</v>
      </c>
      <c r="D37" s="12">
        <v>0.19596137772372918</v>
      </c>
      <c r="E37" s="12">
        <v>0.59834152499005988</v>
      </c>
      <c r="F37" s="12">
        <v>0.23087729509747504</v>
      </c>
    </row>
    <row r="38" spans="1:6" x14ac:dyDescent="0.3">
      <c r="A38" t="s">
        <v>35</v>
      </c>
      <c r="B38" s="8" t="s">
        <v>285</v>
      </c>
      <c r="C38" s="12">
        <v>1.5913885360854383</v>
      </c>
      <c r="D38" s="12">
        <v>1.4661382168571923E-2</v>
      </c>
      <c r="E38" s="12">
        <v>1.342818682734777</v>
      </c>
      <c r="F38" s="12">
        <v>5.4860269961708272E-2</v>
      </c>
    </row>
    <row r="39" spans="1:6" x14ac:dyDescent="0.3">
      <c r="A39" t="s">
        <v>36</v>
      </c>
      <c r="B39" s="8" t="s">
        <v>286</v>
      </c>
      <c r="C39" s="12">
        <v>0.60460461446306968</v>
      </c>
      <c r="D39" s="12">
        <v>0.19940012955888817</v>
      </c>
      <c r="E39" s="12">
        <v>0.51051285872449825</v>
      </c>
      <c r="F39" s="12">
        <v>0.24048264786620738</v>
      </c>
    </row>
    <row r="40" spans="1:6" x14ac:dyDescent="0.3">
      <c r="A40" t="s">
        <v>37</v>
      </c>
      <c r="B40" t="s">
        <v>256</v>
      </c>
      <c r="C40" s="12">
        <v>3.5926295527230248</v>
      </c>
      <c r="D40" s="12">
        <v>7.1239468425032763E-3</v>
      </c>
      <c r="E40" s="12">
        <v>1.1124929218815371</v>
      </c>
      <c r="F40" s="12">
        <v>1.1962203229046408E-2</v>
      </c>
    </row>
    <row r="41" spans="1:6" x14ac:dyDescent="0.3">
      <c r="A41" t="s">
        <v>38</v>
      </c>
      <c r="B41" s="8" t="s">
        <v>287</v>
      </c>
      <c r="C41" s="12">
        <v>0.5142453230334264</v>
      </c>
      <c r="D41" s="12">
        <v>0</v>
      </c>
      <c r="E41" s="12">
        <v>1.1582374420123951</v>
      </c>
      <c r="F41" s="12">
        <v>1.6011734841086885E-3</v>
      </c>
    </row>
    <row r="42" spans="1:6" x14ac:dyDescent="0.3">
      <c r="A42" t="s">
        <v>39</v>
      </c>
      <c r="B42" s="10" t="s">
        <v>288</v>
      </c>
      <c r="C42" s="12">
        <v>0.51178239165058004</v>
      </c>
      <c r="D42" s="12">
        <v>6.6471675064869546E-3</v>
      </c>
      <c r="E42" s="12">
        <v>0.33060008742845659</v>
      </c>
      <c r="F42" s="12">
        <v>2.2130521342480151E-3</v>
      </c>
    </row>
    <row r="43" spans="1:6" x14ac:dyDescent="0.3">
      <c r="A43" t="s">
        <v>40</v>
      </c>
      <c r="B43" s="8" t="s">
        <v>289</v>
      </c>
      <c r="C43" s="12">
        <v>0.58225822587031584</v>
      </c>
      <c r="D43" s="12">
        <v>0.15520368014146174</v>
      </c>
      <c r="E43" s="12">
        <v>0.4090314983533635</v>
      </c>
      <c r="F43" s="12">
        <v>0.18378327777135303</v>
      </c>
    </row>
    <row r="44" spans="1:6" x14ac:dyDescent="0.3">
      <c r="A44" t="s">
        <v>41</v>
      </c>
      <c r="B44" s="8" t="s">
        <v>290</v>
      </c>
      <c r="C44" s="12">
        <v>1.3871050525296644</v>
      </c>
      <c r="D44" s="12">
        <v>3.9395480396890647E-3</v>
      </c>
      <c r="E44" s="12">
        <v>2.067398776102352</v>
      </c>
      <c r="F44" s="12">
        <v>7.2983040727404483E-2</v>
      </c>
    </row>
    <row r="45" spans="1:6" x14ac:dyDescent="0.3">
      <c r="A45" t="s">
        <v>42</v>
      </c>
      <c r="B45" s="8" t="s">
        <v>291</v>
      </c>
      <c r="C45" s="12">
        <v>0.76248146814458739</v>
      </c>
      <c r="D45" s="12">
        <v>8.633398186702123E-3</v>
      </c>
    </row>
    <row r="46" spans="1:6" x14ac:dyDescent="0.3">
      <c r="A46" t="s">
        <v>43</v>
      </c>
      <c r="B46" s="8" t="s">
        <v>292</v>
      </c>
      <c r="C46" s="12">
        <v>0.38357312455575321</v>
      </c>
      <c r="D46" s="12">
        <v>9.4891666963510379E-3</v>
      </c>
    </row>
    <row r="47" spans="1:6" x14ac:dyDescent="0.3">
      <c r="A47" t="s">
        <v>44</v>
      </c>
      <c r="B47" t="s">
        <v>253</v>
      </c>
      <c r="C47" s="12">
        <v>0.93091634975543858</v>
      </c>
      <c r="D47" s="12">
        <v>5.839246139076977E-2</v>
      </c>
      <c r="E47" s="12">
        <v>1.6519316028728073</v>
      </c>
      <c r="F47" s="12">
        <v>0.16790797233581317</v>
      </c>
    </row>
    <row r="48" spans="1:6" x14ac:dyDescent="0.3">
      <c r="A48" t="s">
        <v>45</v>
      </c>
      <c r="B48" s="8" t="s">
        <v>293</v>
      </c>
      <c r="C48" s="12">
        <v>0.76224405763631153</v>
      </c>
      <c r="D48" s="12">
        <v>8.856855774559344E-3</v>
      </c>
    </row>
    <row r="49" spans="1:6" x14ac:dyDescent="0.3">
      <c r="A49" t="s">
        <v>46</v>
      </c>
      <c r="B49" s="6" t="s">
        <v>294</v>
      </c>
      <c r="C49" s="12">
        <v>0.49710554698095977</v>
      </c>
      <c r="D49" s="12">
        <v>3.7470791133839672E-2</v>
      </c>
      <c r="E49" s="12">
        <v>0.93433705571772918</v>
      </c>
      <c r="F49" s="12">
        <v>0.13726586863906964</v>
      </c>
    </row>
    <row r="50" spans="1:6" x14ac:dyDescent="0.3">
      <c r="A50" t="s">
        <v>47</v>
      </c>
      <c r="B50" s="8" t="s">
        <v>295</v>
      </c>
      <c r="C50" s="12">
        <v>0.66642665641329313</v>
      </c>
      <c r="D50" s="12">
        <v>1.1671680005252043E-3</v>
      </c>
    </row>
    <row r="51" spans="1:6" x14ac:dyDescent="0.3">
      <c r="A51" t="s">
        <v>48</v>
      </c>
      <c r="B51" s="8" t="s">
        <v>296</v>
      </c>
      <c r="C51" s="12">
        <v>0.96438718363492193</v>
      </c>
      <c r="D51" s="12">
        <v>1.5617445786469456E-2</v>
      </c>
      <c r="E51" s="12">
        <v>1.0950757676063176</v>
      </c>
      <c r="F51" s="12">
        <v>3.5383842401474547E-2</v>
      </c>
    </row>
    <row r="52" spans="1:6" x14ac:dyDescent="0.3">
      <c r="A52" t="s">
        <v>49</v>
      </c>
      <c r="B52" s="8" t="s">
        <v>297</v>
      </c>
      <c r="C52" s="12">
        <v>0.39068984628015641</v>
      </c>
      <c r="D52" s="12">
        <v>8.8822825043681705E-3</v>
      </c>
    </row>
    <row r="53" spans="1:6" x14ac:dyDescent="0.3">
      <c r="A53" t="s">
        <v>50</v>
      </c>
      <c r="B53" s="11" t="s">
        <v>298</v>
      </c>
      <c r="C53" s="12">
        <v>0.41272105813458027</v>
      </c>
      <c r="D53" s="12">
        <v>5.675186711453512E-3</v>
      </c>
    </row>
    <row r="54" spans="1:6" x14ac:dyDescent="0.3">
      <c r="A54" t="s">
        <v>51</v>
      </c>
      <c r="B54" s="8" t="s">
        <v>299</v>
      </c>
      <c r="C54" s="12">
        <v>0.71741883378321081</v>
      </c>
      <c r="D54" s="12">
        <v>1.2041259701218888E-3</v>
      </c>
      <c r="E54" s="12">
        <v>0.42023674702458008</v>
      </c>
      <c r="F54" s="12">
        <v>1.3480157472184279E-2</v>
      </c>
    </row>
    <row r="55" spans="1:6" x14ac:dyDescent="0.3">
      <c r="A55" t="s">
        <v>52</v>
      </c>
      <c r="B55" s="11" t="s">
        <v>300</v>
      </c>
      <c r="C55" s="12">
        <v>0.64786949037092023</v>
      </c>
      <c r="D55" s="12">
        <v>7.4180559599314137E-3</v>
      </c>
      <c r="E55" s="12">
        <v>0.91623193452226614</v>
      </c>
      <c r="F55" s="12">
        <v>5.0296019273878452E-2</v>
      </c>
    </row>
    <row r="56" spans="1:6" x14ac:dyDescent="0.3">
      <c r="A56" t="s">
        <v>53</v>
      </c>
      <c r="B56" s="8" t="s">
        <v>301</v>
      </c>
      <c r="C56" s="12">
        <v>0.1126437255100219</v>
      </c>
      <c r="D56" s="12">
        <v>0.1890979346700333</v>
      </c>
      <c r="E56" s="12">
        <v>0.10144957123411552</v>
      </c>
      <c r="F56" s="12">
        <v>0.30421983782806272</v>
      </c>
    </row>
    <row r="57" spans="1:6" x14ac:dyDescent="0.3">
      <c r="A57" t="s">
        <v>54</v>
      </c>
      <c r="B57" s="8" t="s">
        <v>302</v>
      </c>
      <c r="C57" s="12">
        <v>1.229178601000301</v>
      </c>
      <c r="D57" s="12">
        <v>2.9961204856881314E-2</v>
      </c>
      <c r="E57" s="12">
        <v>1.2588062198474057</v>
      </c>
      <c r="F57" s="12">
        <v>0.11087966432740706</v>
      </c>
    </row>
    <row r="58" spans="1:6" x14ac:dyDescent="0.3">
      <c r="A58" t="s">
        <v>55</v>
      </c>
      <c r="B58" s="8" t="s">
        <v>303</v>
      </c>
      <c r="C58" s="12">
        <v>1.1778139886230177</v>
      </c>
      <c r="D58" s="12">
        <v>3.778286896584513E-2</v>
      </c>
      <c r="E58" s="12">
        <v>1.1045535960898447</v>
      </c>
      <c r="F58" s="12">
        <v>6.3131716096677171E-2</v>
      </c>
    </row>
  </sheetData>
  <autoFilter ref="A4:F58" xr:uid="{EED05C7E-ED0C-4C14-9307-04C97CB4CAA8}"/>
  <hyperlinks>
    <hyperlink ref="A2" r:id="rId1" xr:uid="{F920F4F5-E3B4-4577-9AAF-02DE39D2F432}"/>
  </hyperlinks>
  <pageMargins left="0.7" right="0.7" top="0.75" bottom="0.75" header="0.3" footer="0.3"/>
  <pageSetup orientation="portrait" verticalDpi="0" r:id="rId2"/>
  <ignoredErrors>
    <ignoredError sqref="A5:A58" numberStoredAsText="1"/>
  </ignoredError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09E914A552B0043A486565CE19D028A" ma:contentTypeVersion="25" ma:contentTypeDescription="Create a new document." ma:contentTypeScope="" ma:versionID="d985887bf104e45ea59eb77b3cc49654">
  <xsd:schema xmlns:xsd="http://www.w3.org/2001/XMLSchema" xmlns:xs="http://www.w3.org/2001/XMLSchema" xmlns:p="http://schemas.microsoft.com/office/2006/metadata/properties" xmlns:ns2="ea2ccca6-db14-41b0-9bb6-91369cceb42b" xmlns:ns3="c312d5e2-3f24-4d0f-8579-e09ad833a149" targetNamespace="http://schemas.microsoft.com/office/2006/metadata/properties" ma:root="true" ma:fieldsID="8f647e55292656d36f62e574d7249e8a" ns2:_="" ns3:_="">
    <xsd:import namespace="ea2ccca6-db14-41b0-9bb6-91369cceb42b"/>
    <xsd:import namespace="c312d5e2-3f24-4d0f-8579-e09ad833a149"/>
    <xsd:element name="properties">
      <xsd:complexType>
        <xsd:sequence>
          <xsd:element name="documentManagement">
            <xsd:complexType>
              <xsd:all>
                <xsd:element ref="ns2:ReceivedTime" minOccurs="0"/>
                <xsd:element ref="ns2:From" minOccurs="0"/>
                <xsd:element ref="ns2:Recipients" minOccurs="0"/>
                <xsd:element ref="ns2:My_x0020_Stuff" minOccurs="0"/>
                <xsd:element ref="ns2:ReceivedTime0" minOccurs="0"/>
                <xsd:element ref="ns2:From0" minOccurs="0"/>
                <xsd:element ref="ns2:Recipients0" minOccurs="0"/>
                <xsd:element ref="ns2:SharedWithUsers" minOccurs="0"/>
                <xsd:element ref="ns2:Created_x0020_On_x0020_Date" minOccurs="0"/>
                <xsd:element ref="ns3:TaxKeywordTaxHTField" minOccurs="0"/>
                <xsd:element ref="ns3:TaxCatchAll" minOccurs="0"/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lcf76f155ced4ddcb4097134ff3c332f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Details" minOccurs="0"/>
                <xsd:element ref="ns2:Source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a2ccca6-db14-41b0-9bb6-91369cceb42b" elementFormDefault="qualified">
    <xsd:import namespace="http://schemas.microsoft.com/office/2006/documentManagement/types"/>
    <xsd:import namespace="http://schemas.microsoft.com/office/infopath/2007/PartnerControls"/>
    <xsd:element name="ReceivedTime" ma:index="8" nillable="true" ma:displayName="ReceivedTime" ma:format="DateTime" ma:internalName="ReceivedTime" ma:readOnly="false">
      <xsd:simpleType>
        <xsd:restriction base="dms:DateTime"/>
      </xsd:simpleType>
    </xsd:element>
    <xsd:element name="From" ma:index="9" nillable="true" ma:displayName="From" ma:internalName="From" ma:readOnly="false">
      <xsd:simpleType>
        <xsd:restriction base="dms:Text"/>
      </xsd:simpleType>
    </xsd:element>
    <xsd:element name="Recipients" ma:index="10" nillable="true" ma:displayName="Recipients" ma:internalName="Recipients" ma:readOnly="false">
      <xsd:simpleType>
        <xsd:restriction base="dms:Text"/>
      </xsd:simpleType>
    </xsd:element>
    <xsd:element name="My_x0020_Stuff" ma:index="11" nillable="true" ma:displayName="My Stuff" ma:default="-" ma:description="identifies favorites" ma:internalName="My_x0020_Stuff" ma:readOnly="false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-"/>
                    <xsd:enumeration value="Emily"/>
                    <xsd:enumeration value="Heather"/>
                    <xsd:enumeration value="Kevin"/>
                    <xsd:enumeration value="Martha"/>
                  </xsd:restriction>
                </xsd:simpleType>
              </xsd:element>
            </xsd:sequence>
          </xsd:extension>
        </xsd:complexContent>
      </xsd:complexType>
    </xsd:element>
    <xsd:element name="ReceivedTime0" ma:index="12" nillable="true" ma:displayName="ReceivedTime" ma:format="DateTime" ma:internalName="ReceivedTime0" ma:readOnly="false">
      <xsd:simpleType>
        <xsd:restriction base="dms:DateTime"/>
      </xsd:simpleType>
    </xsd:element>
    <xsd:element name="From0" ma:index="13" nillable="true" ma:displayName="From" ma:internalName="From0" ma:readOnly="false">
      <xsd:simpleType>
        <xsd:restriction base="dms:Text"/>
      </xsd:simpleType>
    </xsd:element>
    <xsd:element name="Recipients0" ma:index="14" nillable="true" ma:displayName="Recipients" ma:internalName="Recipients0" ma:readOnly="false">
      <xsd:simpleType>
        <xsd:restriction base="dms:Text"/>
      </xsd:simpleType>
    </xsd:element>
    <xsd:element name="SharedWithUsers" ma:index="15" nillable="true" ma:displayName="Shared With" ma:list="UserInfo" ma:SearchPeopleOnly="false" ma:internalName="SharedWithUsers" ma:readOnly="fals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reated_x0020_On_x0020_Date" ma:index="16" nillable="true" ma:displayName="Created On Date" ma:format="DateOnly" ma:indexed="true" ma:internalName="Created_x0020_On_x0020_Date" ma:readOnly="false">
      <xsd:simpleType>
        <xsd:restriction base="dms:DateTime"/>
      </xsd:simpleType>
    </xsd:element>
    <xsd:element name="MediaServiceMetadata" ma:index="2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2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24" nillable="true" ma:taxonomy="true" ma:internalName="lcf76f155ced4ddcb4097134ff3c332f" ma:taxonomyFieldName="MediaServiceImageTags" ma:displayName="Image Tags" ma:readOnly="false" ma:fieldId="{5cf76f15-5ced-4ddc-b409-7134ff3c332f}" ma:taxonomyMulti="true" ma:sspId="ae7d7fe6-3fde-426a-9e88-00508a807d0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2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Source" ma:index="30" nillable="true" ma:displayName="Source" ma:format="Dropdown" ma:internalName="Source">
      <xsd:simpleType>
        <xsd:restriction base="dms:Text">
          <xsd:maxLength value="255"/>
        </xsd:restriction>
      </xsd:simpleType>
    </xsd:element>
    <xsd:element name="MediaServiceSearchProperties" ma:index="3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312d5e2-3f24-4d0f-8579-e09ad833a149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18" nillable="true" ma:displayName="TaxKeywordTaxHTField" ma:hidden="true" ma:internalName="TaxKeywordTaxHTField">
      <xsd:simpleType>
        <xsd:restriction base="dms:Note"/>
      </xsd:simpleType>
    </xsd:element>
    <xsd:element name="TaxCatchAll" ma:index="19" nillable="true" ma:displayName="Taxonomy Catch All Column" ma:hidden="true" ma:list="{a7372c6c-830c-40bd-aff4-6888fb2ba888}" ma:internalName="TaxCatchAll" ma:showField="CatchAllData" ma:web="c312d5e2-3f24-4d0f-8579-e09ad833a14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Details" ma:index="2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ea2ccca6-db14-41b0-9bb6-91369cceb42b">
      <UserInfo>
        <DisplayName/>
        <AccountId xsi:nil="true"/>
        <AccountType/>
      </UserInfo>
    </SharedWithUsers>
    <lcf76f155ced4ddcb4097134ff3c332f xmlns="ea2ccca6-db14-41b0-9bb6-91369cceb42b">
      <Terms xmlns="http://schemas.microsoft.com/office/infopath/2007/PartnerControls"/>
    </lcf76f155ced4ddcb4097134ff3c332f>
    <TaxKeywordTaxHTField xmlns="c312d5e2-3f24-4d0f-8579-e09ad833a149" xsi:nil="true"/>
    <ReceivedTime xmlns="ea2ccca6-db14-41b0-9bb6-91369cceb42b" xsi:nil="true"/>
    <Recipients0 xmlns="ea2ccca6-db14-41b0-9bb6-91369cceb42b" xsi:nil="true"/>
    <Source xmlns="ea2ccca6-db14-41b0-9bb6-91369cceb42b" xsi:nil="true"/>
    <Recipients xmlns="ea2ccca6-db14-41b0-9bb6-91369cceb42b" xsi:nil="true"/>
    <Created_x0020_On_x0020_Date xmlns="ea2ccca6-db14-41b0-9bb6-91369cceb42b" xsi:nil="true"/>
    <ReceivedTime0 xmlns="ea2ccca6-db14-41b0-9bb6-91369cceb42b" xsi:nil="true"/>
    <From xmlns="ea2ccca6-db14-41b0-9bb6-91369cceb42b" xsi:nil="true"/>
    <My_x0020_Stuff xmlns="ea2ccca6-db14-41b0-9bb6-91369cceb42b">
      <Value>-</Value>
    </My_x0020_Stuff>
    <From0 xmlns="ea2ccca6-db14-41b0-9bb6-91369cceb42b" xsi:nil="true"/>
    <TaxCatchAll xmlns="c312d5e2-3f24-4d0f-8579-e09ad833a149" xsi:nil="true"/>
  </documentManagement>
</p:properties>
</file>

<file path=customXml/itemProps1.xml><?xml version="1.0" encoding="utf-8"?>
<ds:datastoreItem xmlns:ds="http://schemas.openxmlformats.org/officeDocument/2006/customXml" ds:itemID="{23EB7792-371D-4D0A-9D40-F91ECA0E1E97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6CDDB8F-16AA-4196-9857-2812180A452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a2ccca6-db14-41b0-9bb6-91369cceb42b"/>
    <ds:schemaRef ds:uri="c312d5e2-3f24-4d0f-8579-e09ad833a14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63476A34-E5A3-41F4-9F0A-C43FC8FD7FC9}">
  <ds:schemaRefs/>
</ds:datastoreItem>
</file>

<file path=customXml/itemProps4.xml><?xml version="1.0" encoding="utf-8"?>
<ds:datastoreItem xmlns:ds="http://schemas.openxmlformats.org/officeDocument/2006/customXml" ds:itemID="{C803F57B-0CCD-4D18-9DE2-EDCF820FBE06}">
  <ds:schemaRefs/>
</ds:datastoreItem>
</file>

<file path=customXml/itemProps5.xml><?xml version="1.0" encoding="utf-8"?>
<ds:datastoreItem xmlns:ds="http://schemas.openxmlformats.org/officeDocument/2006/customXml" ds:itemID="{5D1BAB04-9981-4510-9123-C171EB802D83}">
  <ds:schemaRefs>
    <ds:schemaRef ds:uri="http://schemas.microsoft.com/office/2006/metadata/properties"/>
    <ds:schemaRef ds:uri="http://schemas.microsoft.com/office/infopath/2007/PartnerControls"/>
    <ds:schemaRef ds:uri="ea2ccca6-db14-41b0-9bb6-91369cceb42b"/>
    <ds:schemaRef ds:uri="c312d5e2-3f24-4d0f-8579-e09ad833a149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All Power Industries</vt:lpstr>
      <vt:lpstr>Machine Tools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12-11T13:22:46Z</dcterms:created>
  <dcterms:modified xsi:type="dcterms:W3CDTF">2026-02-22T17:28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cc</vt:lpwstr>
  </property>
  <property fmtid="{D5CDD505-2E9C-101B-9397-08002B2CF9AE}" pid="3" name="TemplafyTemplateId">
    <vt:lpwstr>997292737690861576</vt:lpwstr>
  </property>
  <property fmtid="{D5CDD505-2E9C-101B-9397-08002B2CF9AE}" pid="4" name="TemplafyUserProfileId">
    <vt:lpwstr>1017895584035242463</vt:lpwstr>
  </property>
  <property fmtid="{D5CDD505-2E9C-101B-9397-08002B2CF9AE}" pid="5" name="TemplafyFromBlank">
    <vt:bool>true</vt:bool>
  </property>
  <property fmtid="{D5CDD505-2E9C-101B-9397-08002B2CF9AE}" pid="6" name="ContentTypeId">
    <vt:lpwstr>0x010100609E914A552B0043A486565CE19D028A</vt:lpwstr>
  </property>
  <property fmtid="{D5CDD505-2E9C-101B-9397-08002B2CF9AE}" pid="7" name="TaxKeyword">
    <vt:lpwstr/>
  </property>
  <property fmtid="{D5CDD505-2E9C-101B-9397-08002B2CF9AE}" pid="8" name="MediaServiceImageTags">
    <vt:lpwstr/>
  </property>
</Properties>
</file>